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0431\Desktop\"/>
    </mc:Choice>
  </mc:AlternateContent>
  <bookViews>
    <workbookView xWindow="0" yWindow="0" windowWidth="28800" windowHeight="11925"/>
  </bookViews>
  <sheets>
    <sheet name="목록" sheetId="1" r:id="rId1"/>
  </sheets>
  <definedNames>
    <definedName name="_xlnm._FilterDatabase" localSheetId="0" hidden="1">목록!$A$3:$L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509" i="1" l="1"/>
  <c r="F510" i="1"/>
  <c r="F511" i="1"/>
  <c r="F512" i="1"/>
  <c r="F513" i="1"/>
  <c r="F514" i="1"/>
  <c r="F515" i="1"/>
  <c r="F516" i="1"/>
  <c r="F517" i="1"/>
  <c r="F518" i="1"/>
  <c r="F519" i="1"/>
  <c r="F520" i="1"/>
  <c r="F521" i="1"/>
  <c r="F522" i="1"/>
  <c r="F523" i="1"/>
  <c r="F524" i="1"/>
  <c r="F525" i="1"/>
  <c r="F526" i="1"/>
  <c r="F527" i="1"/>
  <c r="F528" i="1"/>
  <c r="F529" i="1"/>
  <c r="F530" i="1"/>
  <c r="F531" i="1"/>
  <c r="F532" i="1"/>
  <c r="F533" i="1"/>
  <c r="F534" i="1"/>
  <c r="F535" i="1"/>
  <c r="F536" i="1"/>
  <c r="F537" i="1"/>
  <c r="F538" i="1"/>
  <c r="F539" i="1"/>
  <c r="F508" i="1"/>
  <c r="G119" i="1" l="1"/>
  <c r="G120" i="1"/>
  <c r="G121" i="1"/>
  <c r="G122" i="1"/>
  <c r="G123" i="1"/>
  <c r="G124" i="1"/>
  <c r="G125" i="1"/>
  <c r="G126" i="1"/>
  <c r="G127" i="1"/>
  <c r="G128" i="1"/>
  <c r="G129" i="1"/>
  <c r="G130" i="1"/>
  <c r="G131" i="1"/>
  <c r="G132" i="1"/>
  <c r="G133" i="1"/>
  <c r="G134" i="1"/>
  <c r="G135" i="1"/>
  <c r="G136" i="1"/>
  <c r="G137" i="1"/>
  <c r="G138" i="1"/>
  <c r="G139" i="1"/>
  <c r="G140" i="1"/>
  <c r="G141" i="1"/>
  <c r="G142" i="1"/>
  <c r="G143" i="1"/>
  <c r="G144" i="1"/>
  <c r="G145" i="1"/>
  <c r="G146" i="1"/>
  <c r="G147" i="1"/>
  <c r="G148" i="1"/>
  <c r="G149" i="1"/>
  <c r="G150" i="1"/>
  <c r="G151" i="1"/>
  <c r="G152" i="1"/>
  <c r="G153" i="1"/>
  <c r="G118" i="1" l="1"/>
  <c r="G117" i="1"/>
  <c r="G116" i="1"/>
  <c r="G115" i="1"/>
  <c r="G114" i="1"/>
  <c r="G113" i="1"/>
  <c r="G112" i="1"/>
  <c r="G111" i="1"/>
  <c r="G110" i="1"/>
  <c r="G109" i="1"/>
  <c r="G108" i="1"/>
  <c r="G107" i="1"/>
  <c r="G106" i="1"/>
  <c r="G105" i="1"/>
  <c r="G104" i="1"/>
  <c r="G103" i="1"/>
  <c r="G102" i="1"/>
  <c r="G101" i="1"/>
  <c r="G100" i="1"/>
  <c r="G99" i="1"/>
  <c r="G98" i="1"/>
  <c r="G97" i="1"/>
  <c r="G96" i="1"/>
  <c r="G95" i="1"/>
  <c r="G94" i="1"/>
  <c r="G93" i="1"/>
  <c r="G92" i="1"/>
  <c r="G91" i="1"/>
  <c r="G90" i="1"/>
  <c r="G89" i="1"/>
  <c r="G88" i="1"/>
  <c r="G87" i="1"/>
  <c r="G86" i="1"/>
  <c r="G85" i="1"/>
  <c r="G84" i="1"/>
  <c r="G83" i="1"/>
  <c r="G82" i="1"/>
  <c r="G81" i="1"/>
  <c r="G80" i="1"/>
  <c r="G79" i="1"/>
  <c r="G78" i="1"/>
  <c r="G77" i="1"/>
  <c r="G76" i="1"/>
  <c r="G75" i="1"/>
  <c r="G74" i="1"/>
  <c r="G73" i="1"/>
  <c r="G72" i="1"/>
  <c r="G71" i="1"/>
  <c r="G70" i="1"/>
  <c r="G69" i="1"/>
  <c r="G68" i="1"/>
  <c r="G67" i="1"/>
  <c r="G66" i="1"/>
  <c r="G65" i="1"/>
  <c r="G64" i="1"/>
  <c r="G63" i="1"/>
  <c r="G62" i="1"/>
  <c r="G61" i="1"/>
  <c r="G60" i="1"/>
  <c r="G59" i="1"/>
  <c r="G58" i="1"/>
  <c r="G57" i="1"/>
  <c r="G56" i="1"/>
  <c r="G55" i="1"/>
  <c r="G54" i="1"/>
  <c r="G53" i="1"/>
  <c r="G52" i="1"/>
  <c r="G51" i="1"/>
  <c r="G50" i="1"/>
  <c r="G49" i="1"/>
  <c r="G48" i="1"/>
  <c r="G47" i="1"/>
  <c r="G46" i="1"/>
  <c r="G45" i="1"/>
  <c r="G44" i="1"/>
  <c r="G43" i="1"/>
  <c r="G42" i="1"/>
  <c r="G41" i="1"/>
  <c r="G40" i="1"/>
  <c r="G39" i="1"/>
  <c r="G38" i="1"/>
  <c r="G37" i="1"/>
  <c r="G36" i="1"/>
  <c r="G35" i="1"/>
  <c r="G34" i="1"/>
  <c r="G33" i="1"/>
  <c r="G32" i="1"/>
  <c r="G31" i="1"/>
  <c r="G30" i="1"/>
  <c r="G29" i="1"/>
  <c r="G28" i="1"/>
  <c r="G27" i="1"/>
  <c r="G26" i="1"/>
  <c r="G25" i="1"/>
  <c r="G24" i="1"/>
  <c r="G23" i="1"/>
  <c r="G22" i="1"/>
  <c r="G21" i="1"/>
  <c r="G20" i="1"/>
  <c r="G19" i="1"/>
  <c r="G15" i="1"/>
  <c r="G14" i="1"/>
  <c r="G13" i="1"/>
  <c r="G12" i="1"/>
  <c r="G11" i="1"/>
  <c r="G10" i="1"/>
  <c r="G9" i="1"/>
  <c r="G8" i="1"/>
  <c r="G7" i="1"/>
  <c r="G6" i="1"/>
  <c r="G5" i="1"/>
  <c r="G4" i="1"/>
  <c r="G18" i="1"/>
  <c r="G17" i="1"/>
  <c r="G16" i="1"/>
</calcChain>
</file>

<file path=xl/sharedStrings.xml><?xml version="1.0" encoding="utf-8"?>
<sst xmlns="http://schemas.openxmlformats.org/spreadsheetml/2006/main" count="3205" uniqueCount="1379">
  <si>
    <t>연번</t>
    <phoneticPr fontId="1" type="noConversion"/>
  </si>
  <si>
    <t>모델명</t>
    <phoneticPr fontId="1" type="noConversion"/>
  </si>
  <si>
    <t>검증코드</t>
    <phoneticPr fontId="1" type="noConversion"/>
  </si>
  <si>
    <t>검증방법</t>
    <phoneticPr fontId="1" type="noConversion"/>
  </si>
  <si>
    <t>2020-001</t>
    <phoneticPr fontId="3" type="noConversion"/>
  </si>
  <si>
    <t>2020-002</t>
    <phoneticPr fontId="3" type="noConversion"/>
  </si>
  <si>
    <t>Q.PEAK DUO XL-G9.3 440</t>
    <phoneticPr fontId="3" type="noConversion"/>
  </si>
  <si>
    <t>Q.PEAK DUO XL-G9.3 445</t>
    <phoneticPr fontId="3" type="noConversion"/>
  </si>
  <si>
    <t>Q.PEAK DUO XL-G9.3 450</t>
    <phoneticPr fontId="3" type="noConversion"/>
  </si>
  <si>
    <t>Q.PEAK DUO XL-G9.3 KR1 440</t>
    <phoneticPr fontId="3" type="noConversion"/>
  </si>
  <si>
    <t>Q.PEAK DUO XL-G9.3 KR1 445</t>
    <phoneticPr fontId="3" type="noConversion"/>
  </si>
  <si>
    <t>Q.PEAK DUO XL-G9.3 KR1 450</t>
    <phoneticPr fontId="3" type="noConversion"/>
  </si>
  <si>
    <t>Q.PEAK DUO XL-G9.3 KR1 455</t>
    <phoneticPr fontId="3" type="noConversion"/>
  </si>
  <si>
    <t>Q.PEAK DUO L-G8 KR1 405</t>
    <phoneticPr fontId="3" type="noConversion"/>
  </si>
  <si>
    <t>Q.PEAK DUO L-G8 KR1 410</t>
    <phoneticPr fontId="3" type="noConversion"/>
  </si>
  <si>
    <t>Q.PEAK DUO L-G8 KR1 415</t>
    <phoneticPr fontId="3" type="noConversion"/>
  </si>
  <si>
    <t>Q.PEAK DUO L-G8 KR1 420</t>
    <phoneticPr fontId="3" type="noConversion"/>
  </si>
  <si>
    <t>Q.PEAK DUO L-G8 KR1 425</t>
    <phoneticPr fontId="3" type="noConversion"/>
  </si>
  <si>
    <t>Q.PEAK DUO L-G8 KR2 410</t>
    <phoneticPr fontId="3" type="noConversion"/>
  </si>
  <si>
    <t>Q.PEAK DUO L-G8 KR2 415</t>
    <phoneticPr fontId="3" type="noConversion"/>
  </si>
  <si>
    <t>Q.PEAK DUO L-G8 KR2 420</t>
    <phoneticPr fontId="3" type="noConversion"/>
  </si>
  <si>
    <t>Q.PEAK DUO L-G8 KR2 425</t>
    <phoneticPr fontId="3" type="noConversion"/>
  </si>
  <si>
    <t>Q.PEAK DUO L-G7 385</t>
    <phoneticPr fontId="3" type="noConversion"/>
  </si>
  <si>
    <t>Q.PEAK DUO L-G7 390</t>
    <phoneticPr fontId="3" type="noConversion"/>
  </si>
  <si>
    <t>Q.PEAK DUO L-G7 395</t>
    <phoneticPr fontId="3" type="noConversion"/>
  </si>
  <si>
    <t>Q.PEAK DUO L-G7.4 385</t>
    <phoneticPr fontId="3" type="noConversion"/>
  </si>
  <si>
    <t>Q.PEAK DUO L-G7.4 390</t>
    <phoneticPr fontId="3" type="noConversion"/>
  </si>
  <si>
    <t>Q.PEAK DUO L-G7.4 395</t>
    <phoneticPr fontId="3" type="noConversion"/>
  </si>
  <si>
    <t>Q.PEAK DUO L-G7.4 400</t>
    <phoneticPr fontId="3" type="noConversion"/>
  </si>
  <si>
    <t>Q.PEAK L-G4.4 365</t>
    <phoneticPr fontId="3" type="noConversion"/>
  </si>
  <si>
    <t>Q.PEAK L-G4.4 370</t>
    <phoneticPr fontId="3" type="noConversion"/>
  </si>
  <si>
    <t>Q.PEAK L-G4.4 375</t>
    <phoneticPr fontId="3" type="noConversion"/>
  </si>
  <si>
    <t>Q.PEAK L-G4.4 380</t>
    <phoneticPr fontId="3" type="noConversion"/>
  </si>
  <si>
    <t>Q.PEAK L-G4.4 385</t>
    <phoneticPr fontId="3" type="noConversion"/>
  </si>
  <si>
    <t>Q.PEAK BFR L-G4.4 365</t>
    <phoneticPr fontId="3" type="noConversion"/>
  </si>
  <si>
    <t>Q.PEAK BFR L-G4.4 370</t>
    <phoneticPr fontId="3" type="noConversion"/>
  </si>
  <si>
    <t>Q.PEAK BFR L-G4.4 375</t>
    <phoneticPr fontId="3" type="noConversion"/>
  </si>
  <si>
    <t>Q.PEAK BFR L-G4.4 380</t>
    <phoneticPr fontId="3" type="noConversion"/>
  </si>
  <si>
    <t>Q.PEAK DUO L-G8.3/BFG 410</t>
    <phoneticPr fontId="3" type="noConversion"/>
  </si>
  <si>
    <t>Q.PEAK DUO L-G8.3/BFG 415</t>
    <phoneticPr fontId="3" type="noConversion"/>
  </si>
  <si>
    <t>Q.PEAK DUO L-G8.3/BFG 420</t>
    <phoneticPr fontId="3" type="noConversion"/>
  </si>
  <si>
    <t>Q.PEAK DUO L-G8.3/BFG 425</t>
    <phoneticPr fontId="3" type="noConversion"/>
  </si>
  <si>
    <t>Q.PEAK DUO XL-G9.3 440_749.48CO2</t>
    <phoneticPr fontId="3" type="noConversion"/>
  </si>
  <si>
    <t>Q.PEAK DUO XL-G9.3 445_741.06CO2</t>
    <phoneticPr fontId="3" type="noConversion"/>
  </si>
  <si>
    <t>Q.PEAK DUO XL-G9.3 450_732.83CO2</t>
    <phoneticPr fontId="3" type="noConversion"/>
  </si>
  <si>
    <t>표준배출계수</t>
    <phoneticPr fontId="3" type="noConversion"/>
  </si>
  <si>
    <t>2020-071</t>
    <phoneticPr fontId="3" type="noConversion"/>
  </si>
  <si>
    <t>2020-072</t>
    <phoneticPr fontId="3" type="noConversion"/>
  </si>
  <si>
    <t>2020-073</t>
    <phoneticPr fontId="3" type="noConversion"/>
  </si>
  <si>
    <t>출력(W)</t>
    <phoneticPr fontId="1" type="noConversion"/>
  </si>
  <si>
    <t>공장명</t>
    <phoneticPr fontId="3" type="noConversion"/>
  </si>
  <si>
    <t>음성 제2사업장</t>
    <phoneticPr fontId="3" type="noConversion"/>
  </si>
  <si>
    <t>기업명</t>
    <phoneticPr fontId="3" type="noConversion"/>
  </si>
  <si>
    <t>오창공장</t>
    <phoneticPr fontId="3" type="noConversion"/>
  </si>
  <si>
    <t>진천사업장</t>
    <phoneticPr fontId="3" type="noConversion"/>
  </si>
  <si>
    <t>검증인정서 번호</t>
    <phoneticPr fontId="1" type="noConversion"/>
  </si>
  <si>
    <t>음성공장</t>
    <phoneticPr fontId="3" type="noConversion"/>
  </si>
  <si>
    <t>SS-DM400PE</t>
    <phoneticPr fontId="3" type="noConversion"/>
  </si>
  <si>
    <t>SS-DM395PE</t>
    <phoneticPr fontId="3" type="noConversion"/>
  </si>
  <si>
    <t>SS-DM390PE</t>
    <phoneticPr fontId="3" type="noConversion"/>
  </si>
  <si>
    <t>탄소배출량(kgCO₂/kW)</t>
    <phoneticPr fontId="1" type="noConversion"/>
  </si>
  <si>
    <t>SN395M-37_668.40CO2</t>
  </si>
  <si>
    <t>(주)한화솔루션</t>
    <phoneticPr fontId="1" type="noConversion"/>
  </si>
  <si>
    <t>HiS-S415PJ</t>
    <phoneticPr fontId="3" type="noConversion"/>
  </si>
  <si>
    <t>HiS-S420PJ</t>
    <phoneticPr fontId="3" type="noConversion"/>
  </si>
  <si>
    <t>HiS-S425PJ</t>
    <phoneticPr fontId="3" type="noConversion"/>
  </si>
  <si>
    <t>HiS-S430PJ</t>
    <phoneticPr fontId="3" type="noConversion"/>
  </si>
  <si>
    <t>HiS-S435PJ</t>
    <phoneticPr fontId="3" type="noConversion"/>
  </si>
  <si>
    <t>HiS-S440PJ</t>
    <phoneticPr fontId="3" type="noConversion"/>
  </si>
  <si>
    <t>HS430UE-AH2</t>
    <phoneticPr fontId="3" type="noConversion"/>
  </si>
  <si>
    <t>HS400UD-AH2</t>
    <phoneticPr fontId="3" type="noConversion"/>
  </si>
  <si>
    <t>HiS-S415YI</t>
    <phoneticPr fontId="3" type="noConversion"/>
  </si>
  <si>
    <t>HiS-S420YI</t>
    <phoneticPr fontId="3" type="noConversion"/>
  </si>
  <si>
    <t>HiS-S425YI</t>
    <phoneticPr fontId="3" type="noConversion"/>
  </si>
  <si>
    <t>HiS-S430YI</t>
    <phoneticPr fontId="3" type="noConversion"/>
  </si>
  <si>
    <t>HiS-S435YI</t>
    <phoneticPr fontId="3" type="noConversion"/>
  </si>
  <si>
    <t>HiS-S440YI</t>
    <phoneticPr fontId="3" type="noConversion"/>
  </si>
  <si>
    <t>HS410UD-HH2</t>
    <phoneticPr fontId="3" type="noConversion"/>
  </si>
  <si>
    <t>HS440UE-AH3</t>
    <phoneticPr fontId="3" type="noConversion"/>
  </si>
  <si>
    <t>검증인정서 발급일</t>
    <phoneticPr fontId="1" type="noConversion"/>
  </si>
  <si>
    <t xml:space="preserve"> </t>
    <phoneticPr fontId="1" type="noConversion"/>
  </si>
  <si>
    <t>HS400UD-HH2_666.80CO2</t>
  </si>
  <si>
    <t>HS405UD-HH2_658.57CO2</t>
  </si>
  <si>
    <t>HS410UD-HH2_650.54CO2</t>
  </si>
  <si>
    <t>HiS-S445YI_663.58CO2</t>
  </si>
  <si>
    <t>HiS-S450YI_656.21CO2</t>
  </si>
  <si>
    <t>비고</t>
    <phoneticPr fontId="1" type="noConversion"/>
  </si>
  <si>
    <t xml:space="preserve"> </t>
    <phoneticPr fontId="1" type="noConversion"/>
  </si>
  <si>
    <t>SS-DM430PJ</t>
    <phoneticPr fontId="3" type="noConversion"/>
  </si>
  <si>
    <t>SS-DM435PJ</t>
    <phoneticPr fontId="3" type="noConversion"/>
  </si>
  <si>
    <t>SS-DM440PJ</t>
    <phoneticPr fontId="3" type="noConversion"/>
  </si>
  <si>
    <t>반납요청에 의한 검증 취소(20.12.21)</t>
    <phoneticPr fontId="1" type="noConversion"/>
  </si>
  <si>
    <t>SN325M-37</t>
    <phoneticPr fontId="3" type="noConversion"/>
  </si>
  <si>
    <t>SN25-78MAE-430S</t>
    <phoneticPr fontId="3" type="noConversion"/>
  </si>
  <si>
    <t>HS390UD-THB</t>
    <phoneticPr fontId="3" type="noConversion"/>
  </si>
  <si>
    <t>HS395UD-THB</t>
    <phoneticPr fontId="3" type="noConversion"/>
  </si>
  <si>
    <t>HS400UD-THB</t>
    <phoneticPr fontId="3" type="noConversion"/>
  </si>
  <si>
    <t>HS465WE-HH4</t>
    <phoneticPr fontId="3" type="noConversion"/>
  </si>
  <si>
    <t>HiS-S425YI-OC</t>
    <phoneticPr fontId="3" type="noConversion"/>
  </si>
  <si>
    <t>HiS-S430YI-OC</t>
    <phoneticPr fontId="3" type="noConversion"/>
  </si>
  <si>
    <t>HiS-S435YI-OC</t>
    <phoneticPr fontId="3" type="noConversion"/>
  </si>
  <si>
    <t>HiS-S440YI-OC</t>
    <phoneticPr fontId="3" type="noConversion"/>
  </si>
  <si>
    <t>HiS-S445YI-OC</t>
    <phoneticPr fontId="3" type="noConversion"/>
  </si>
  <si>
    <t>HiS-S450YI-OC</t>
    <phoneticPr fontId="3" type="noConversion"/>
  </si>
  <si>
    <t>SR72RH375C CYMO</t>
    <phoneticPr fontId="3" type="noConversion"/>
  </si>
  <si>
    <t>SR72RH385C CYMO</t>
    <phoneticPr fontId="3" type="noConversion"/>
  </si>
  <si>
    <t>Q.PEAK DUO L-G6.2 KR1 410</t>
    <phoneticPr fontId="3" type="noConversion"/>
  </si>
  <si>
    <t>Q.PEAK DUO L-G6.2 KR1 415</t>
    <phoneticPr fontId="3" type="noConversion"/>
  </si>
  <si>
    <t>Q.PEAK DUO L-G6.2 KR1 420</t>
    <phoneticPr fontId="3" type="noConversion"/>
  </si>
  <si>
    <t>Q.PEAK DUO XL-G9.2 KR1 445</t>
    <phoneticPr fontId="3" type="noConversion"/>
  </si>
  <si>
    <t>Q.PEAK DUO XL-G9.2 KR1 450</t>
    <phoneticPr fontId="3" type="noConversion"/>
  </si>
  <si>
    <t>Q.PEAK DUO XL-G9.2 KR1 455</t>
    <phoneticPr fontId="3" type="noConversion"/>
  </si>
  <si>
    <t>(주)탑선</t>
    <phoneticPr fontId="1" type="noConversion"/>
  </si>
  <si>
    <t>(주)에스디엔</t>
    <phoneticPr fontId="1" type="noConversion"/>
  </si>
  <si>
    <t>대전공장</t>
    <phoneticPr fontId="3" type="noConversion"/>
  </si>
  <si>
    <t>검증인정서 만료일</t>
    <phoneticPr fontId="3" type="noConversion"/>
  </si>
  <si>
    <t>완주공장</t>
    <phoneticPr fontId="3" type="noConversion"/>
  </si>
  <si>
    <t>인천공장</t>
    <phoneticPr fontId="3" type="noConversion"/>
  </si>
  <si>
    <t>LG445S2W-U6.DKC</t>
    <phoneticPr fontId="3" type="noConversion"/>
  </si>
  <si>
    <t>LG440S2W-U6.DKC</t>
    <phoneticPr fontId="3" type="noConversion"/>
  </si>
  <si>
    <t>LG450S2W-U6.DKC</t>
    <phoneticPr fontId="3" type="noConversion"/>
  </si>
  <si>
    <t>LG445N2W-E6</t>
    <phoneticPr fontId="3" type="noConversion"/>
  </si>
  <si>
    <t>LG450N2W-E6</t>
    <phoneticPr fontId="3" type="noConversion"/>
  </si>
  <si>
    <t>LG455N2W-E6</t>
    <phoneticPr fontId="3" type="noConversion"/>
  </si>
  <si>
    <t>LG450S2W-U6.DK5</t>
    <phoneticPr fontId="3" type="noConversion"/>
  </si>
  <si>
    <t>LG445N2W-E6_641.60CO2</t>
    <phoneticPr fontId="3" type="noConversion"/>
  </si>
  <si>
    <t>LG450S2W-U6.DK5_747.70CO2</t>
    <phoneticPr fontId="3" type="noConversion"/>
  </si>
  <si>
    <t>DM440PI_748.00CO2</t>
    <phoneticPr fontId="3" type="noConversion"/>
  </si>
  <si>
    <t>PVM S370P5BR1</t>
    <phoneticPr fontId="3" type="noConversion"/>
  </si>
  <si>
    <t>HS410UD-GHB_744.30CO2</t>
    <phoneticPr fontId="3" type="noConversion"/>
  </si>
  <si>
    <t>SN330M-37</t>
    <phoneticPr fontId="3" type="noConversion"/>
  </si>
  <si>
    <t>천안공장</t>
    <phoneticPr fontId="3" type="noConversion"/>
  </si>
  <si>
    <t>구미 제3공장</t>
    <phoneticPr fontId="3" type="noConversion"/>
  </si>
  <si>
    <t>김제공장</t>
    <phoneticPr fontId="3" type="noConversion"/>
  </si>
  <si>
    <t>강진공장</t>
    <phoneticPr fontId="3" type="noConversion"/>
  </si>
  <si>
    <t>LG465N2T-E6.DK5</t>
    <phoneticPr fontId="3" type="noConversion"/>
  </si>
  <si>
    <t>LG460N2T-E6.DK5</t>
    <phoneticPr fontId="3" type="noConversion"/>
  </si>
  <si>
    <t>장성공장</t>
    <phoneticPr fontId="3" type="noConversion"/>
  </si>
  <si>
    <t>2021-435</t>
    <phoneticPr fontId="3" type="noConversion"/>
  </si>
  <si>
    <t>2021-436</t>
    <phoneticPr fontId="3" type="noConversion"/>
  </si>
  <si>
    <t>Q.PEAK DUO XL-G10.3/BFG KR1 465_661.35CO2</t>
    <phoneticPr fontId="1" type="noConversion"/>
  </si>
  <si>
    <t>Q.PEAK DUO XL-G10.3/BFG KR1 470_654.31CO2</t>
    <phoneticPr fontId="1" type="noConversion"/>
  </si>
  <si>
    <t>Q.PEAK DUO XL-G10.3/BFG KR1 475_647.43CO2</t>
    <phoneticPr fontId="1" type="noConversion"/>
  </si>
  <si>
    <t>Q.PEAK DUO XL-G10.3/BFG KR1 465_749.31CO2</t>
    <phoneticPr fontId="1" type="noConversion"/>
  </si>
  <si>
    <t>Q.PEAK DUO XL-G10.3/BFG KR1 470_741.33CO2</t>
    <phoneticPr fontId="1" type="noConversion"/>
  </si>
  <si>
    <t>Q.PEAK DUO XL-G10.3/BFG KR1 475_733.53CO2</t>
    <phoneticPr fontId="1" type="noConversion"/>
  </si>
  <si>
    <t>Q.PEAK DUO XL-G10.3 KR1 485_626.35CO2</t>
    <phoneticPr fontId="1" type="noConversion"/>
  </si>
  <si>
    <t>Q.PEAK DUO XL-G10.3 KR1 485_710.68CO2</t>
    <phoneticPr fontId="1" type="noConversion"/>
  </si>
  <si>
    <t>Q.PEAK DUO XL-G9.3 KR1 465_625.74CO2</t>
    <phoneticPr fontId="1" type="noConversion"/>
  </si>
  <si>
    <t>Q.PEAK DUO XL-G9.3 KR1 465_709.47CO2</t>
    <phoneticPr fontId="1" type="noConversion"/>
  </si>
  <si>
    <t>Q.PEAK DUO L-G6 KR2 435_623.88CO2</t>
    <phoneticPr fontId="1" type="noConversion"/>
  </si>
  <si>
    <t>Q.PEAK DUO L-G6 KR2 435_707.08CO2</t>
    <phoneticPr fontId="1" type="noConversion"/>
  </si>
  <si>
    <t>TOP CLASS 550I_793.64CO2</t>
    <phoneticPr fontId="1" type="noConversion"/>
  </si>
  <si>
    <t>HiS-S425YI-EN_772.18CO2</t>
  </si>
  <si>
    <t>HiS-S430YI-EN_763.20CO2</t>
  </si>
  <si>
    <t>HiS-S435YI-EN_754.43CO2</t>
  </si>
  <si>
    <t>HiS-S445YI-EN_737.47CO2</t>
  </si>
  <si>
    <t>HiS-S450YI-EN_729.28CO2</t>
  </si>
  <si>
    <t>HiS-S440YI-EN_745.86CO2</t>
    <phoneticPr fontId="3" type="noConversion"/>
  </si>
  <si>
    <t>Q.PEAK DUO XL-G9.3 KR1 440_659.88CO2</t>
  </si>
  <si>
    <t>Q.PEAK DUO XL-G9.3 KR1 440_678.24CO2</t>
  </si>
  <si>
    <t>Q.PEAK DUO XL-G9.3 KR1 440_748.37CO2</t>
  </si>
  <si>
    <t>Q.PEAK DUO XL-G9.3 KR1 445_652.46CO2</t>
  </si>
  <si>
    <t>Q.PEAK DUO XL-G9.3 KR1 445_670.62CO2</t>
  </si>
  <si>
    <t>Q.PEAK DUO XL-G9.3 KR1 445_739.96CO2</t>
  </si>
  <si>
    <t>Q.PEAK DUO XL-G9.3 KR1 450_645.21CO2</t>
  </si>
  <si>
    <t>Q.PEAK DUO XL-G9.3 KR1 450_663.17CO2</t>
  </si>
  <si>
    <t>Q.PEAK DUO XL-G9.3 KR1 450_731.74CO2</t>
  </si>
  <si>
    <t>Q.PEAK DUO XL-G9.3 KR1 455_638.12CO2</t>
  </si>
  <si>
    <t>Q.PEAK DUO XL-G9.3 KR1 455_655.88CO2</t>
  </si>
  <si>
    <t>Q.PEAK DUO XL-G9.3 KR1 455_723.70CO2</t>
  </si>
  <si>
    <t>Q.PEAK DUO L-G8 KR1 405_667.20CO2</t>
  </si>
  <si>
    <t>Q.PEAK DUO L-G8 KR1 405_685.62CO2</t>
  </si>
  <si>
    <t>Q.PEAK DUO L-G8 KR1 405_755.99CO2</t>
  </si>
  <si>
    <t>Q.PEAK DUO L-G8 KR1 410_659.06CO2</t>
  </si>
  <si>
    <t>Q.PEAK DUO L-G8 KR1 410_677.26CO2</t>
  </si>
  <si>
    <t>Q.PEAK DUO L-G8 KR1 410_746.77CO2</t>
  </si>
  <si>
    <t>Q.PEAK DUO L-G8 KR1 415_651.12CO2</t>
  </si>
  <si>
    <t>Q.PEAK DUO L-G8 KR1 415_669.10CO2</t>
  </si>
  <si>
    <t>Q.PEAK DUO L-G8 KR1 415_737.77CO2</t>
  </si>
  <si>
    <t>Q.PEAK DUO L-G8 KR1 420_643.37CO2</t>
  </si>
  <si>
    <t>Q.PEAK DUO L-G8 KR1 420_661.13CO2</t>
  </si>
  <si>
    <t>Q.PEAK DUO L-G8 KR1 420_728.99CO2</t>
  </si>
  <si>
    <t>Q.PEAK DUO L-G8 KR1 425_635.80CO2</t>
  </si>
  <si>
    <t>Q.PEAK DUO L-G8 KR1 425_653.36CO2</t>
  </si>
  <si>
    <t>Q.PEAK DUO L-G8 KR1 425_720.41CO2</t>
  </si>
  <si>
    <t>Q.PEAK DUO L-G8 KR2 410_658.74CO2</t>
  </si>
  <si>
    <t>Q.PEAK DUO L-G8 KR2 410_676.94CO2</t>
  </si>
  <si>
    <t>Q.PEAK DUO L-G8 KR2 410_746.45CO2</t>
  </si>
  <si>
    <t>Q.PEAK DUO L-G8 KR2 415_650.80CO2</t>
  </si>
  <si>
    <t>Q.PEAK DUO L-G8 KR2 415_668.78CO2</t>
  </si>
  <si>
    <t>Q.PEAK DUO L-G8 KR2 415_737.45CO2</t>
  </si>
  <si>
    <t>Q.PEAK DUO L-G8 KR2 420_643.05CO2</t>
  </si>
  <si>
    <t>Q.PEAK DUO L-G8 KR2 420_660.82CO2</t>
  </si>
  <si>
    <t>Q.PEAK DUO L-G8 KR2 420_728.67CO2</t>
  </si>
  <si>
    <t>Q.PEAK DUO L-G8 KR2 425_635.49CO2</t>
  </si>
  <si>
    <t>Q.PEAK DUO L-G8 KR2 425_653.04CO2</t>
  </si>
  <si>
    <t>Q.PEAK DUO L-G8 KR2 425_720.10CO2</t>
  </si>
  <si>
    <t>Q.PEAK DUO L-G7 385_784.72CO2</t>
  </si>
  <si>
    <t>Q.PEAK DUO L-G7 390_774.66CO2</t>
  </si>
  <si>
    <t>Q.PEAK DUO L-G7 395_764.86CO2</t>
  </si>
  <si>
    <t>Q.PEAK DUO L-G7.4 385_801.15CO2</t>
  </si>
  <si>
    <t>Q.PEAK DUO L-G7.4 390_790.88CO2</t>
  </si>
  <si>
    <t>Q.PEAK DUO L-G7.4 395_780.87CO2</t>
  </si>
  <si>
    <t>Q.PEAK DUO L-G7.4 400_771.11CO2</t>
  </si>
  <si>
    <t>Q.PEAK L-G4.4 365_823.11CO2</t>
  </si>
  <si>
    <t>Q.PEAK L-G4.4 370_811.99CO2</t>
  </si>
  <si>
    <t>Q.PEAK L-G4.4 375_801.16CO2</t>
  </si>
  <si>
    <t>Q.PEAK L-G4.4 380_790.62CO2</t>
  </si>
  <si>
    <t>Q.PEAK L-G4.4 385_780.35CO2</t>
  </si>
  <si>
    <t>Q.PEAK BFR L-G4.4 365_823.11CO2</t>
  </si>
  <si>
    <t>Q.PEAK BFR L-G4.4 370_811.99CO2</t>
  </si>
  <si>
    <t>Q.PEAK BFR L-G4.4 375_801.16CO2</t>
  </si>
  <si>
    <t>Q.PEAK BFR L-G4.4 380_790.62CO2</t>
  </si>
  <si>
    <t>Q.PEAK DUO L-G8.3/BFG 410_660.28CO2</t>
  </si>
  <si>
    <t>Q.PEAK DUO L-G8.3/BFG 410_678.48CO2</t>
  </si>
  <si>
    <t>Q.PEAK DUO L-G8.3/BFG 410_747.99CO2</t>
  </si>
  <si>
    <t>Q.PEAK DUO L-G8.3/BFG 415_652.33CO2</t>
  </si>
  <si>
    <t>Q.PEAK DUO L-G8.3/BFG 415_670.30CO2</t>
  </si>
  <si>
    <t>Q.PEAK DUO L-G8.3/BFG 415_738.98CO2</t>
  </si>
  <si>
    <t>Q.PEAK DUO L-G8.3/BFG 420_644.56CO2</t>
  </si>
  <si>
    <t>Q.PEAK DUO L-G8.3/BFG 420_662.32CO2</t>
  </si>
  <si>
    <t>Q.PEAK DUO L-G8.3/BFG 420_730.18CO2</t>
  </si>
  <si>
    <t>Q.PEAK DUO L-G8.3/BFG 425_636.98CO2</t>
  </si>
  <si>
    <t>Q.PEAK DUO L-G8.3/BFG 425_654.53CO2</t>
  </si>
  <si>
    <t>Q.PEAK DUO L-G8.3/BFG 425_721.59CO2</t>
  </si>
  <si>
    <t>Q.PEAK DUO L-G6 KR1 405_668.13CO2</t>
  </si>
  <si>
    <t>Q.PEAK DUO L-G6 KR1 405_686.55CO2</t>
  </si>
  <si>
    <t>Q.PEAK DUO L-G6 KR1 405_756.92CO2</t>
  </si>
  <si>
    <t>Q.PEAK DUO L-G6 KR1 410_659.98CO2</t>
  </si>
  <si>
    <t>Q.PEAK DUO L-G6 KR1 410_678.18CO2</t>
  </si>
  <si>
    <t>Q.PEAK DUO L-G6 KR1 410_747.69CO2</t>
  </si>
  <si>
    <t>Q.PEAK DUO L-G6 KR1 415_652.03CO2</t>
  </si>
  <si>
    <t>Q.PEAK DUO L-G6 KR1 415_669.96CO2</t>
  </si>
  <si>
    <t>Q.PEAK DUO L-G6 KR1 415_738.68CO2</t>
  </si>
  <si>
    <t>Q.PEAK DUO L-G6 KR1 420_644.27CO2</t>
  </si>
  <si>
    <t>Q.PEAK DUO L-G6 KR1 420_662.03CO2</t>
  </si>
  <si>
    <t>Q.PEAK DUO L-G6 KR1 420_729.89CO2</t>
  </si>
  <si>
    <t>Q.PEAK DUO L-G6 KR1 425_636.69CO2</t>
  </si>
  <si>
    <t>Q.PEAK DUO L-G6 KR1 425_654.24CO2</t>
  </si>
  <si>
    <t>Q.PEAK DUO L-G6 KR1 425_721.30CO2</t>
  </si>
  <si>
    <t>Q.PEAK DUO L-G6 KR2 410_659.89CO2</t>
  </si>
  <si>
    <t>Q.PEAK DUO L-G6 KR2 410_678.08CO2</t>
  </si>
  <si>
    <t>Q.PEAK DUO L-G6 KR2 410_747.59CO2</t>
  </si>
  <si>
    <t>Q.PEAK DUO L-G6 KR2 415_651.94CO2</t>
  </si>
  <si>
    <t>Q.PEAK DUO L-G6 KR2 415_669.91CO2</t>
  </si>
  <si>
    <t>Q.PEAK DUO L-G6 KR2 415_738.59CO2</t>
  </si>
  <si>
    <t>Q.PEAK DUO L-G6 KR2 420_644.17CO2</t>
  </si>
  <si>
    <t>Q.PEAK DUO L-G6 KR2 420_661.94CO2</t>
  </si>
  <si>
    <t>Q.PEAK DUO L-G6 KR2 420_729.79CO2</t>
  </si>
  <si>
    <t>Q.PEAK DUO L-G6 KR2 425_636.60CO2</t>
  </si>
  <si>
    <t>Q.PEAK DUO L-G6 KR2 425_654.15CO2</t>
  </si>
  <si>
    <t>Q.PEAK DUO L-G6 KR2 425_721.21CO2</t>
  </si>
  <si>
    <t>Q.PEAK DUO L-G6.4 KR1 410_764.11CO2</t>
  </si>
  <si>
    <t>Q.PEAK DUO L-G6.4 KR1 415_754.90CO2</t>
  </si>
  <si>
    <t>Q.PEAK DUO L-G6.4 KR1 420_745.91CO2</t>
  </si>
  <si>
    <t>Q.PEAK DUO L-G6.4 KR1 425_737.14CO2</t>
  </si>
  <si>
    <t>Q.PEAK DUO L-G6.4 KR2 410_764.01CO2</t>
  </si>
  <si>
    <t>Q.PEAK DUO L-G6.4 KR2 415_754.80CO2</t>
  </si>
  <si>
    <t>Q.PEAK DUO L-G6.4 KR2 420_745.82CO2</t>
  </si>
  <si>
    <t>Q.PEAK DUO L-G6.4 KR2 425_737.04CO2</t>
  </si>
  <si>
    <t>Q.PEAK DUO L-G6.7 410_764.01CO2</t>
  </si>
  <si>
    <t>Q.PEAK DUO L-G6.7 415_754.80CO2</t>
  </si>
  <si>
    <t>Q.PEAK DUO L-G6.7 420_745.82CO2</t>
  </si>
  <si>
    <t>Q.PEAK DUO L-G6.7 425_737.04CO2</t>
  </si>
  <si>
    <t>Q.PEAK DUO L-G6.2 KR1 405_677.58CO2</t>
  </si>
  <si>
    <t>Q.PEAK DUO L-G6.2 KR1 405_766.37CO2</t>
  </si>
  <si>
    <t>Q.PEAK DUO L-G6.2 KR1 410_669.31CO2</t>
  </si>
  <si>
    <t>Q.PEAK DUO L-G6.2 KR1 410_757.02CO2</t>
  </si>
  <si>
    <t>Q.PEAK DUO L-G6.2 KR1 415_661.25CO2</t>
  </si>
  <si>
    <t>Q.PEAK DUO L-G6.2 KR1 415_747.90CO2</t>
  </si>
  <si>
    <t>HS435UE-AH3_769.61CO2</t>
  </si>
  <si>
    <t>HS430UE-AH3_778.56CO2</t>
  </si>
  <si>
    <t>HS425UE-AH3_787.72CO2</t>
  </si>
  <si>
    <t>HS390UD-W02_772.88CO2</t>
  </si>
  <si>
    <t>HS385UD-W02_782.92CO2</t>
  </si>
  <si>
    <t>HS405UD-HH2_744.19CO2</t>
  </si>
  <si>
    <t>HS400UD-HH2_753.49CO2</t>
  </si>
  <si>
    <t>HS395UD-HH2_763.03CO2</t>
  </si>
  <si>
    <t>HS390UD-HH2_772.81CO2</t>
  </si>
  <si>
    <t>HS385UD-HH2_782.85CO2</t>
  </si>
  <si>
    <t>HS380UD-HH2_793.15CO2</t>
  </si>
  <si>
    <t>HS395UD-AH2_760.58CO2</t>
  </si>
  <si>
    <t>HS390UD-AH2_770.33CO2</t>
  </si>
  <si>
    <t>HS385UD-AH2_780.34CO2</t>
  </si>
  <si>
    <t>HS380UD-AH2_790.60CO2</t>
  </si>
  <si>
    <t>HS375UD-AH2_801.15CO2</t>
  </si>
  <si>
    <t>HS425UE-AH2_763.86CO2</t>
  </si>
  <si>
    <t>HS420UE-AH2_772.96CO2</t>
  </si>
  <si>
    <t>HS415UE-AH2_782.27CO2</t>
  </si>
  <si>
    <t>HS410UE-AH2_791.81CO2</t>
  </si>
  <si>
    <t>HS405UE-AH2_801.58CO2</t>
  </si>
  <si>
    <t>HS375UD-AN1_777.94CO2</t>
  </si>
  <si>
    <t>HS370UD-AN1_788.45CO2</t>
  </si>
  <si>
    <t>HS365UD-AN1_799.26CO2</t>
  </si>
  <si>
    <t>HS360UD-AN1_810.36CO2</t>
  </si>
  <si>
    <t>HS355UD-AN1_821.77CO2</t>
  </si>
  <si>
    <t>HS400UD-JH2_750.94CO2</t>
  </si>
  <si>
    <t>HS395UD-JH2_760.45CO2</t>
  </si>
  <si>
    <t>HS390UD-JH2_770.20CO2</t>
  </si>
  <si>
    <t>HS385UD-JH2_780.20CO2</t>
  </si>
  <si>
    <t>HS380UD-JH2_790.47CO2</t>
  </si>
  <si>
    <t>HS400UE-AN1_793.13CO2</t>
  </si>
  <si>
    <t>HS395UE-AN1_803.17CO2</t>
  </si>
  <si>
    <t>HS390UE-AN1_813.47CO2</t>
  </si>
  <si>
    <t>HS385UE-AN1_824.03CO2</t>
  </si>
  <si>
    <t>SN315M-37_785.73CO2</t>
  </si>
  <si>
    <t>SN320M-37 _773.45CO2</t>
  </si>
  <si>
    <t>SN380M-37_793.52CO2</t>
  </si>
  <si>
    <t>SN385M-37_783.22CO2</t>
  </si>
  <si>
    <t>SN390M-37_773.18CO2</t>
  </si>
  <si>
    <t>SN25-78MAE-420S_776.15CO2</t>
  </si>
  <si>
    <t>SN25-78MAE-425S_767.02CO2</t>
  </si>
  <si>
    <t>LG400S2W-U5_767.24CO2</t>
  </si>
  <si>
    <t>LG395S2W-U5_776.95CO2</t>
  </si>
  <si>
    <t>LG425N2T-V5_757.73CO2</t>
  </si>
  <si>
    <t>LG420N2W-V5_721.26CO2</t>
  </si>
  <si>
    <t>LG415N2W-V5_729.95CO2</t>
  </si>
  <si>
    <t>LG420N2W-L5_722.33CO2</t>
  </si>
  <si>
    <t>LG415N2W-L5_731.03CO2</t>
  </si>
  <si>
    <t>HiS-S445XI_784.41CO2</t>
  </si>
  <si>
    <t>HiS-S440XI_793.32CO2</t>
  </si>
  <si>
    <t>HiS-S435XI_802.44CO2</t>
  </si>
  <si>
    <t>HiS-S430XI_811.77CO2</t>
  </si>
  <si>
    <t>HiS-S425XI_821.32CO2</t>
  </si>
  <si>
    <t>HiS-S450YI_779.64CO2</t>
  </si>
  <si>
    <t>HiS-S445YI_788.4CO2</t>
  </si>
  <si>
    <t>HiS-S440YI_797.35CO2</t>
  </si>
  <si>
    <t>HiS-S435YI_806.52CO2</t>
  </si>
  <si>
    <t>HiS-S430YI_815.9CO2</t>
  </si>
  <si>
    <t>HiS-S425YI_825.5CO2</t>
  </si>
  <si>
    <t>HiS-S380RI-EEHA_794.92CO2</t>
  </si>
  <si>
    <t>HiS-S375RI-EEHA_805.52CO2</t>
  </si>
  <si>
    <t>HiS-S370RI-EEHA_816.41CO2</t>
  </si>
  <si>
    <t>HiS-S365RI-EEHA_827.59CO2</t>
  </si>
  <si>
    <t>SS-DM400PE_669.24CO2</t>
  </si>
  <si>
    <t>SS-DM400PE_742.25CO2</t>
  </si>
  <si>
    <t>SS-DM395PE_751.65CO2</t>
  </si>
  <si>
    <t>SS-DM390PE_761.28CO2</t>
  </si>
  <si>
    <t>SN325M-37_668.23CO2</t>
  </si>
  <si>
    <t>SN25-78MAE-430S_667.14CO2</t>
  </si>
  <si>
    <t>TOP CLASS 540D_818.15CO2</t>
  </si>
  <si>
    <t>TOP CLASS 545T_812.48CO2</t>
  </si>
  <si>
    <t>TOP CLASS 550D_803.02CO2</t>
  </si>
  <si>
    <t>Sdm315-BA-A1_815.76CO2</t>
  </si>
  <si>
    <t>Sdm320-BA-A1_803.02CO2</t>
  </si>
  <si>
    <t>Sdm315-PB-A2S_811.62CO2</t>
  </si>
  <si>
    <t>Sdm320-PB-A2S_798.94CO2</t>
  </si>
  <si>
    <t>Sdm325-PB-A2S_786.65CO2</t>
  </si>
  <si>
    <t>HS440UE-AH3_760.86CO2</t>
  </si>
  <si>
    <t>HS430UE-AH2_754.98CO2</t>
  </si>
  <si>
    <t>HS400UD-AH2_751.07CO2</t>
  </si>
  <si>
    <t>HS410UD-HH2_735.11CO2</t>
  </si>
  <si>
    <t>Q.PEAK DUO L-G8 405_754.54CO2</t>
  </si>
  <si>
    <t>Q.PEAK DUO L-G8 410_745.34CO2</t>
  </si>
  <si>
    <t>Q.PEAK DUO L-G8 415_736.36CO2</t>
  </si>
  <si>
    <t>Q.PEAK DUO L-G8 420_727.60CO2</t>
  </si>
  <si>
    <t>Q.PEAK DUO XL-G9.3 KR1 460_631.19CO2</t>
  </si>
  <si>
    <t>Q.PEAK DUO XL-G9.3 KR1 460_648.75CO2</t>
  </si>
  <si>
    <t>Q.PEAK DUO XL-G9.3 KR1 460_715.83CO2</t>
  </si>
  <si>
    <t>Q.PEAK DUO L-G6 405_756.92CO2</t>
  </si>
  <si>
    <t>Q.PEAK DUO L-G6 410_747.69CO2</t>
  </si>
  <si>
    <t>Q.PEAK DUO L-G6 415_738.68CO2</t>
  </si>
  <si>
    <t>Q.PEAK DUO L-G6 420_729.89CO2</t>
  </si>
  <si>
    <t>Q.PEAK DUO L-G6 KR2 430_629.19CO2</t>
  </si>
  <si>
    <t>Q.PEAK DUO L-G6 KR2 430_646.54CO2</t>
  </si>
  <si>
    <t>Q.PEAK DUO L-G6 KR2 430_712.82CO2</t>
  </si>
  <si>
    <t>Q.PEAK DUO L-G6.4 KR2 430_728.47CO2</t>
  </si>
  <si>
    <t>Q.PEAK DUO L-G6.7 430_728.47CO2</t>
  </si>
  <si>
    <t>LG425N2T-B5_758.97CO2</t>
  </si>
  <si>
    <t>LG430N2T-B5_749.60CO2</t>
  </si>
  <si>
    <t>LG435N2T-B5_740.45CO2</t>
  </si>
  <si>
    <t>LG405S2W-U5_757.77CO2</t>
  </si>
  <si>
    <t>HiS-S415PJ_816.44CO2</t>
  </si>
  <si>
    <t>HiS-S420PJ_806.72CO2</t>
  </si>
  <si>
    <t>HiS-S425PJ_797.23CO2</t>
  </si>
  <si>
    <t>HiS-S430PJ_787.96CO2</t>
  </si>
  <si>
    <t>HiS-S435PJ_778.90CO2</t>
  </si>
  <si>
    <t>HiS-S440PJ_770.05CO2</t>
  </si>
  <si>
    <t>HiS-S415YI_711.55CO2</t>
  </si>
  <si>
    <t>HiS-S420YI_703.08CO2</t>
  </si>
  <si>
    <t>HiS-S425YI_694.81CO2</t>
  </si>
  <si>
    <t>HiS-S430YI_686.73CO2</t>
  </si>
  <si>
    <t>HiS-S435YI_678.84CO2</t>
  </si>
  <si>
    <t>HiS-S440YI_671.12CO2</t>
  </si>
  <si>
    <t>SS-DM430PJ_758.46CO2</t>
  </si>
  <si>
    <t>SS-DM435PJ_749.74CO2</t>
  </si>
  <si>
    <t>SS-DM440PJ_741.22CO2</t>
  </si>
  <si>
    <t>SN325M-37_667.84CO2</t>
  </si>
  <si>
    <t>SN25-78MAE-430S_666.83CO2</t>
  </si>
  <si>
    <t>SN395M-37_668.30CO2</t>
  </si>
  <si>
    <t>SN400M-37_659.95CO2</t>
  </si>
  <si>
    <t>HS380UD-HH2_793.13CO2</t>
  </si>
  <si>
    <t>HS385UD-HH2_782.83CO2</t>
  </si>
  <si>
    <t>HS390UD-HH2_772.79CO2</t>
  </si>
  <si>
    <t>HS395UD-HH2_763.01CO2</t>
  </si>
  <si>
    <t>HS400UD-HH2_753.47CO2</t>
  </si>
  <si>
    <t>HS405UD-HH2_744.17CO2</t>
  </si>
  <si>
    <t>HS410UD-HH2_735.09CO2</t>
  </si>
  <si>
    <t>HS380UD-THB_796.23CO2</t>
  </si>
  <si>
    <t>HS385UD-THB_785.89CO2</t>
  </si>
  <si>
    <t>HS390UD-THB_775.81CO2</t>
  </si>
  <si>
    <t>HS395UD-THB_765.99CO2</t>
  </si>
  <si>
    <t>HS400UD-THB_756.41CO2</t>
  </si>
  <si>
    <t>HS465WE-HH4_758.15CO2</t>
  </si>
  <si>
    <t>HS470WE-HH4_750.09CO2</t>
  </si>
  <si>
    <t>HS475WE-HH4_742.19CO2</t>
  </si>
  <si>
    <t>HS480WE-HH4_734.46CO2</t>
  </si>
  <si>
    <t>HS485WE-HH4_726.89CO2</t>
  </si>
  <si>
    <t>Sdm335-BA-A2S_783.28CO2</t>
  </si>
  <si>
    <t>Sdm330-BA-A2S_795.15CO2</t>
  </si>
  <si>
    <t>Sdm325-BA-A2S_807.38CO2</t>
  </si>
  <si>
    <t>Sdm320-BA-A2S_820.00CO2</t>
  </si>
  <si>
    <t>SS-DM445PJ_732.89CO2</t>
  </si>
  <si>
    <t>SS-DM450PJ_724.75CO2</t>
  </si>
  <si>
    <t>SPP 430 LCHD G1.W_832.04CO2</t>
  </si>
  <si>
    <t>SPP 435 LCHD G1.W_822.48CO2</t>
  </si>
  <si>
    <t>SPP 440 LCHD G1.W_813.13CO2</t>
  </si>
  <si>
    <t>HiS-S425YI_813.72CO2</t>
  </si>
  <si>
    <t>HiS-S430YI_804.26CO2</t>
  </si>
  <si>
    <t>HiS-S435YI_795.02CO2</t>
  </si>
  <si>
    <t>HiS-S440YI_785.98CO2</t>
  </si>
  <si>
    <t>HiS-S445YI_777.15CO2</t>
  </si>
  <si>
    <t>HiS-S450YI_768.51CO2</t>
  </si>
  <si>
    <t>HiS-S440YI_669.89CO2</t>
  </si>
  <si>
    <t>HiS-S425YI-OC_797.12CO2</t>
  </si>
  <si>
    <t>HiS-S430YI-OC_787.85CO2</t>
  </si>
  <si>
    <t>HiS-S435YI-OC_778.79CO2</t>
  </si>
  <si>
    <t>HiS-S440YI-OC_769.94CO2</t>
  </si>
  <si>
    <t>HiS-S445YI-OC_761.29CO2</t>
  </si>
  <si>
    <t>HiS-S450YI-OC_752.83CO2</t>
  </si>
  <si>
    <t>HiS-S425YI-OC_676.93CO2</t>
  </si>
  <si>
    <t>HiS-S430YI-OC_669.05CO2</t>
  </si>
  <si>
    <t>HiS-S435YI-OC_661.36CO2</t>
  </si>
  <si>
    <t>HiS-S440YI-OC_653.85CO2</t>
  </si>
  <si>
    <t>HiS-S445YI-OC_646.50CO2</t>
  </si>
  <si>
    <t>HiS-S450YI-OC_639.32CO2</t>
  </si>
  <si>
    <t>HiS-S420EI_822.93CO2</t>
  </si>
  <si>
    <t>HiS-S425EI_813.25CO2</t>
  </si>
  <si>
    <t>HiS-S430EI_803.79CO2</t>
  </si>
  <si>
    <t>HiS-S435EI_794.55CO2</t>
  </si>
  <si>
    <t>HiS-S440EI_785.53CO2</t>
  </si>
  <si>
    <t>SR72RH375C CYMO_816.65CO2</t>
  </si>
  <si>
    <t>SR72RH385C CYMO_813.59CO2</t>
  </si>
  <si>
    <t>Q.PEAK DUO L-G6.2 KR1 410_671.16CO2</t>
  </si>
  <si>
    <t>Q.PEAK DUO L-G6.2 KR1 415_663.07CO2</t>
  </si>
  <si>
    <t>Q.PEAK DUO L-G6.2 KR1 420_655.18CO2</t>
  </si>
  <si>
    <t>Q.PEAK DUO L-G6.2 KR1 410_758.86CO2</t>
  </si>
  <si>
    <t>Q.PEAK DUO L-G6.2 KR1 415_749.72CO2</t>
  </si>
  <si>
    <t>Q.PEAK DUO L-G6.2 KR1 420_740.8CO2</t>
  </si>
  <si>
    <t>Q.PEAK DUO L-G6.3 415_645.96CO2</t>
  </si>
  <si>
    <t>Q.PEAK DUO L-G6.3 420_638.27CO2</t>
  </si>
  <si>
    <t>Q.PEAK DUO L-G6.3 425_630.76CO2</t>
  </si>
  <si>
    <t>Q.PEAK DUO L-G6.3 430_623.43CO2</t>
  </si>
  <si>
    <t>Q.PEAK DUO L-G6.3 415_732.62CO2</t>
  </si>
  <si>
    <t>Q.PEAK DUO L-G6.3 420_723.89CO2</t>
  </si>
  <si>
    <t>Q.PEAK DUO L-G6.3 425_715.38CO2</t>
  </si>
  <si>
    <t>Q.PEAK DUO L-G6.3 430_707.06CO2</t>
  </si>
  <si>
    <t>Q.PEAK DUO XL-G9.2 KR1 445_667.67CO2</t>
  </si>
  <si>
    <t>Q.PEAK DUO XL-G9.2 KR1 450_660.25CO2</t>
  </si>
  <si>
    <t>Q.PEAK DUO XL-G9.2 KR1 455_652.99CO2</t>
  </si>
  <si>
    <t>Q.PEAK DUO XL-G9.2 KR1 445_755.17CO2</t>
  </si>
  <si>
    <t>Q.PEAK DUO XL-G9.2 KR1 450_746.77CO2</t>
  </si>
  <si>
    <t>Q.PEAK DUO XL-G9.2 KR1 455_738.57CO2</t>
  </si>
  <si>
    <t>Q.PEAK DUO XL-G9.3/BFG 445_652.03CO2</t>
  </si>
  <si>
    <t>Q.PEAK DUO XL-G9.3/BFG 450_644.79CO2</t>
  </si>
  <si>
    <t>Q.PEAK DUO XL-G9.3/BFG 455_637.70CO2</t>
  </si>
  <si>
    <t>Q.PEAK DUO XL-G9.3/BFG 445_739.53CO2</t>
  </si>
  <si>
    <t>Q.PEAK DUO XL-G9.3/BFG 450_731.32CO2</t>
  </si>
  <si>
    <t>Q.PEAK DUO XL-G9.3/BFG 455_723.28CO2</t>
  </si>
  <si>
    <t>Q.PEAK DUO XL-G10.3 KR1 47_642.02CO2</t>
  </si>
  <si>
    <t>Q.PEAK DUO XL-G10.3 KR1 47_635.26CO2</t>
  </si>
  <si>
    <t>Q.PEAK DUO XL-G10.3 KR1 48_628.65CO2</t>
  </si>
  <si>
    <t>Q.PEAK DUO XL-G10.3 KR1 47_729.04CO2</t>
  </si>
  <si>
    <t>Q.PEAK DUO XL-G10.3 KR1 47_721.37CO2</t>
  </si>
  <si>
    <t>Q.PEAK DUO XL-G10.3 KR1 48_713.85CO2</t>
  </si>
  <si>
    <t>LG450N2W-E6_634.47CO2</t>
  </si>
  <si>
    <t>LG455N2W-E6_627.49CO2</t>
  </si>
  <si>
    <t>LG440S2W-U6.DKC_720.84CO2</t>
  </si>
  <si>
    <t>LG445S2W-U6.DKC_712.74CO2</t>
  </si>
  <si>
    <t>LG450S2W-U6.DKC_704.82CO2</t>
  </si>
  <si>
    <t>DM430PI_765.39CO2</t>
  </si>
  <si>
    <t>DM435PI_756.59CO2</t>
  </si>
  <si>
    <t>DM445PI_739.59CO2</t>
  </si>
  <si>
    <t>DM450PI_731.37CO2</t>
  </si>
  <si>
    <t>SN330M-37_657.85CO2</t>
  </si>
  <si>
    <t>PVM S370P5BR1_838.06CO2</t>
  </si>
  <si>
    <t>PVM S375P5B_826.88CO2</t>
  </si>
  <si>
    <t>PVM S390P5B_811.33CO2</t>
  </si>
  <si>
    <t>HS400UD-GHB_762.91CO2</t>
  </si>
  <si>
    <t>HS405UD-GHB_753.49CO2</t>
  </si>
  <si>
    <t>HS425UE-WH3_792.89CO2</t>
  </si>
  <si>
    <t>HS430UE-WH3_783.67CO2</t>
  </si>
  <si>
    <t>HS435UE-WH3_774.66CO2</t>
  </si>
  <si>
    <t>HS475WE-GHD_749.05CO2</t>
  </si>
  <si>
    <t>HS480WE-GHD_741.25CO2</t>
  </si>
  <si>
    <t>HS485WE-GHD_733.61CO2</t>
  </si>
  <si>
    <t>HS465WE-THD_762.08CO2</t>
  </si>
  <si>
    <t>HS470WE-THD_753.97CO2</t>
  </si>
  <si>
    <t>HS475WE-THD_746.04CO2</t>
  </si>
  <si>
    <t>HS365UC-HH2_759.91CO2</t>
  </si>
  <si>
    <t>HS370UC-HH2_749.64CO2</t>
  </si>
  <si>
    <t>HS375UC-HH2_739.65CO2</t>
  </si>
  <si>
    <t>LG465N2T-E6.DK5_727.59CO2</t>
  </si>
  <si>
    <t>LG460N2T-E6.DK5_736.05CO2</t>
  </si>
  <si>
    <t>HS470WE-HH4_664.72CO2</t>
  </si>
  <si>
    <t>HS475WE-HH4_657.72CO2</t>
  </si>
  <si>
    <t>HS480WE-HH4_650.87CO2</t>
  </si>
  <si>
    <t>HS485WE-HH4_644.16CO2</t>
  </si>
  <si>
    <t>HS475WE-GHD_664.58CO2</t>
  </si>
  <si>
    <t>HS480WE-GHD_657.66CO2</t>
  </si>
  <si>
    <t>HS485WE-GHD_650.88CO2</t>
  </si>
  <si>
    <t>HS440UD-WH3_765.86CO2</t>
  </si>
  <si>
    <t>HS445UD-AH3_752.31CO2</t>
  </si>
  <si>
    <t>HiS-S425YI_803.72CO2</t>
  </si>
  <si>
    <t>HiS-S430YI_794.38CO2</t>
  </si>
  <si>
    <t>HiS-S435YI_785.25CO2</t>
  </si>
  <si>
    <t>HiS-S440YI_776.32CO2</t>
  </si>
  <si>
    <t>HiS-S445YI_767.60CO2</t>
  </si>
  <si>
    <t>HiS-S450YI_759.07CO2</t>
  </si>
  <si>
    <t>HiS-S425YI-OC_787.12CO2</t>
  </si>
  <si>
    <t>HiS-S430YI-OC_777.97CO2</t>
  </si>
  <si>
    <t>HiS-S435YI-OC_769.03CO2</t>
  </si>
  <si>
    <t>HiS-S440YI-OC_760.29CO2</t>
  </si>
  <si>
    <t>HiS-S445YI-OC_751.74CO2</t>
  </si>
  <si>
    <t>HiS-S450YI-OC_743.39CO2</t>
  </si>
  <si>
    <t>HiS-S450YI-EN_779.64CO2</t>
  </si>
  <si>
    <t>HiS-S445YI-EN_788.40CO2</t>
  </si>
  <si>
    <t>HiS-S440YI-EN_797.35CO2</t>
  </si>
  <si>
    <t>HiS-S435YI-EN_806.52CO2</t>
  </si>
  <si>
    <t>HiS-S430YI-EN_815.90CO2</t>
  </si>
  <si>
    <t>HiS-S425YI-EN_825.50CO2</t>
  </si>
  <si>
    <t>HiS-S425YI-EN_694.81CO2</t>
  </si>
  <si>
    <t>HiS-S430YI-EN_686.73CO2</t>
  </si>
  <si>
    <t>HiS-S435YI-EN_678.84CO2</t>
  </si>
  <si>
    <t>HiS-S440YI-EN_671.12CO2</t>
  </si>
  <si>
    <t>HiS-S445YI-EN_663.58CO2</t>
  </si>
  <si>
    <t>HiS-S450YI-EN_656.21CO2</t>
  </si>
  <si>
    <t>HiS-S425YI-EN_813.72CO2</t>
  </si>
  <si>
    <t>HiS-S430YI-EN_804.26CO2</t>
  </si>
  <si>
    <t>HiS-S435YI-EN_795.02CO2</t>
  </si>
  <si>
    <t>HiS-S440YI-EN_785.98CO2</t>
  </si>
  <si>
    <t>HiS-S445YI-EN_777.15CO2</t>
  </si>
  <si>
    <t>HiS-S450YI-EN_768.51CO2</t>
  </si>
  <si>
    <t>HiS-S440YI-EN_669.89CO2</t>
  </si>
  <si>
    <t>HiS-S425YI-ON_797.12CO2</t>
  </si>
  <si>
    <t>HiS-S430YI-ON_787.85CO2</t>
  </si>
  <si>
    <t>HiS-S435YI-ON_778.79CO2</t>
  </si>
  <si>
    <t>HiS-S440YI-ON_769.94CO2</t>
  </si>
  <si>
    <t>HiS-S445YI-ON_761.29CO2</t>
  </si>
  <si>
    <t>HiS-S450YI-ON_752.83CO2</t>
  </si>
  <si>
    <t>HiS-S425YI-ON_676.93CO2</t>
  </si>
  <si>
    <t>HiS-S430YI-ON_669.05CO2</t>
  </si>
  <si>
    <t>HiS-S435YI-ON_661.36CO2</t>
  </si>
  <si>
    <t>HiS-S440YI-ON_653.85CO2</t>
  </si>
  <si>
    <t>HiS-S445YI-ON_646.50CO2</t>
  </si>
  <si>
    <t>HiS-S450YI-ON_639.32CO2</t>
  </si>
  <si>
    <t>HiS-S425YI-EN_803.72CO2</t>
  </si>
  <si>
    <t>HiS-S430YI-EN_794.38CO2</t>
  </si>
  <si>
    <t>HiS-S435YI-EN_785.25CO2</t>
  </si>
  <si>
    <t>HiS-S440YI-EN_776.32CO2</t>
  </si>
  <si>
    <t>HiS-S445YI-EN_767.60CO2</t>
  </si>
  <si>
    <t>HiS-S450YI-EN_759.07CO2</t>
  </si>
  <si>
    <t>HiS-S425YI-ON_787.12CO2</t>
  </si>
  <si>
    <t>HiS-S430YI-ON_777.97CO2</t>
  </si>
  <si>
    <t>HiS-S435YI-ON_769.03CO2</t>
  </si>
  <si>
    <t>HiS-S440YI-ON_760.29CO2</t>
  </si>
  <si>
    <t>HiS-S445YI-ON_751.74CO2</t>
  </si>
  <si>
    <t>HiS-S450YI-ON_743.39CO2</t>
  </si>
  <si>
    <t>SS-DM455PJ_715.85CO2</t>
  </si>
  <si>
    <t>SS-DM460PJ_708.07CO2</t>
  </si>
  <si>
    <t>SS-DM390PE_803.56CO2</t>
  </si>
  <si>
    <t>SS-DM395PE_793.39CO2</t>
  </si>
  <si>
    <t>SS-DM400PE_783.47CO2</t>
  </si>
  <si>
    <t>SPM450-HBB-A1_660.89CO2</t>
  </si>
  <si>
    <t>SPM445-HBB-A1_668.31CO2</t>
  </si>
  <si>
    <t>SPM440-HBB-A1_675.91CO2</t>
  </si>
  <si>
    <t>SPM450-HBB-A1_759.07CO2</t>
  </si>
  <si>
    <t>SPM445-HBB-A1_767.60CO2</t>
  </si>
  <si>
    <t>SPM440-HBB-A1_776.32CO2</t>
  </si>
  <si>
    <t>Q.PEAK DUO XL-G9.3/BFG 460_629.25CO2</t>
  </si>
  <si>
    <t>Q.PEAK DUO XL-G9.3/BFG 460_713.90CO2</t>
  </si>
  <si>
    <t>Q.PEAK DUO L-G6.4 KR2 435_722.56CO2</t>
  </si>
  <si>
    <t>HiS-S425YI-EN_790.80CO2</t>
  </si>
  <si>
    <t>HiS-S430YI-EN_781.60CO2</t>
  </si>
  <si>
    <t>HiS-S435YI-EN_772.62CO2</t>
  </si>
  <si>
    <t>HiS-S440YI-EN_763.84CO2</t>
  </si>
  <si>
    <t>HiS-S445YI-EN_755.26CO2</t>
  </si>
  <si>
    <t>HiS-S450YI-EN_746.87CO2</t>
  </si>
  <si>
    <t>HiS-S425YI-ON_774.20CO2</t>
  </si>
  <si>
    <t>HiS-S430YI-ON_765.19CO2</t>
  </si>
  <si>
    <t>HiS-S435YI-ON_756.40CO2</t>
  </si>
  <si>
    <t>HiS-S440YI-ON_747.80CO2</t>
  </si>
  <si>
    <t>HiS-S445YI-ON_739.40CO2</t>
  </si>
  <si>
    <t>HiS-S450YI-ON_731.19CO2</t>
  </si>
  <si>
    <t>HiS-S425YI-ON_664.00CO2</t>
  </si>
  <si>
    <t>HiS-S430YI-ON_656.28CO2</t>
  </si>
  <si>
    <t>HiS-S435YI-ON_648.74CO2</t>
  </si>
  <si>
    <t>HiS-S440YI-ON_641.36CO2</t>
  </si>
  <si>
    <t>HiS-S445YI-ON_634.16CO2</t>
  </si>
  <si>
    <t>HiS-S450YI-ON_711.00CO2</t>
  </si>
  <si>
    <t>HiS-S425YI-ON_755.58CO2</t>
  </si>
  <si>
    <t>HiS-S430YI-ON_746.79CO2</t>
  </si>
  <si>
    <t>HiS-S435YI-ON_738.21CO2</t>
  </si>
  <si>
    <t>HiS-S440YI-ON_729.82CO2</t>
  </si>
  <si>
    <t>HiS-S445YI-ON_721.62CO2</t>
  </si>
  <si>
    <t>HiS-S450YI-ON_713.60CO2</t>
  </si>
  <si>
    <t>HiS-S425ZI-ON_790.53CO2</t>
  </si>
  <si>
    <t>HiS-S430ZI-ON_781.34CO2</t>
  </si>
  <si>
    <t>HiS-S435ZI-ON_772.35CO2</t>
  </si>
  <si>
    <t>HiS-S440ZI-ON_763.58CO2</t>
  </si>
  <si>
    <t>HiS-S445ZI-ON_755.00CO2</t>
  </si>
  <si>
    <t>HiS-S450ZI-ON_746.61CO2</t>
  </si>
  <si>
    <t>HiS-S425ZI-ON_680.33CO2</t>
  </si>
  <si>
    <t>HiS-S430ZI-ON_672.42CO2</t>
  </si>
  <si>
    <t>HiS-S435ZI-ON_664.69CO2</t>
  </si>
  <si>
    <t>HiS-S440ZI-ON_657.14CO2</t>
  </si>
  <si>
    <t>HiS-S445ZI-ON_649.76CO2</t>
  </si>
  <si>
    <t>HiS-S450ZI-ON_642.54CO2</t>
  </si>
  <si>
    <t>HiS-S425ZI-ON_771.91CO2</t>
  </si>
  <si>
    <t>HiS-S430ZI-ON_762.93CO2</t>
  </si>
  <si>
    <t>HiS-S435ZI-ON_754.16CO2</t>
  </si>
  <si>
    <t>HiS-S440ZI-ON_745.59CO2</t>
  </si>
  <si>
    <t>HiS-S445ZI-ON_737.22CO2</t>
  </si>
  <si>
    <t>HiS-S450ZI-ON_729.02CO2</t>
  </si>
  <si>
    <t>HiS-S425ZI-EN_807.13CO2</t>
  </si>
  <si>
    <t>HiS-S430ZI-EN_797.75CO2</t>
  </si>
  <si>
    <t>HiS-S435ZI-EN_788.58CO2</t>
  </si>
  <si>
    <t>HiS-S440ZI-EN_779.62CO2</t>
  </si>
  <si>
    <t>HiS-S445ZI-EN_770.86CO2</t>
  </si>
  <si>
    <t>HiS-S450ZI-EN_762.29CO2</t>
  </si>
  <si>
    <t>음성제2사업장</t>
    <phoneticPr fontId="3" type="noConversion"/>
  </si>
  <si>
    <t>Q.PEAK DUO XL-G9.3/BFG 450</t>
    <phoneticPr fontId="3" type="noConversion"/>
  </si>
  <si>
    <t>Q.PEAK DUO XL-G10.3 KR1 470</t>
    <phoneticPr fontId="3" type="noConversion"/>
  </si>
  <si>
    <t>Q.PEAK DUO XL-G10.3 KR1 485</t>
    <phoneticPr fontId="3" type="noConversion"/>
  </si>
  <si>
    <t>Q.PEAK DUO XL-G10.3/BFG KR1 465</t>
    <phoneticPr fontId="3" type="noConversion"/>
  </si>
  <si>
    <t>Q.PEAK DUO XL-G10.3/BFG KR1 470</t>
    <phoneticPr fontId="3" type="noConversion"/>
  </si>
  <si>
    <t>Q.PEAK DUO XL-G10.3/BFG KR1 475</t>
    <phoneticPr fontId="3" type="noConversion"/>
  </si>
  <si>
    <t>Q.PEAK DUO XL-G10.3/BFG KR1 480</t>
    <phoneticPr fontId="3" type="noConversion"/>
  </si>
  <si>
    <t>Q.PEAK DUO L-G6 KR2 435</t>
    <phoneticPr fontId="3" type="noConversion"/>
  </si>
  <si>
    <t>Q.PEAK DUO XL-G10.d/BFG KR1 465</t>
    <phoneticPr fontId="3" type="noConversion"/>
  </si>
  <si>
    <t>Q.PEAK DUO XL-G10.d/BFG KR1 470</t>
    <phoneticPr fontId="3" type="noConversion"/>
  </si>
  <si>
    <t>Q.PEAK DUO XL-G10.d/BFG KR1 475</t>
    <phoneticPr fontId="3" type="noConversion"/>
  </si>
  <si>
    <t>탄소배출량 검증제품 현황 ('21. 8. 13 기준)</t>
    <phoneticPr fontId="1" type="noConversion"/>
  </si>
  <si>
    <t>2020-003</t>
    <phoneticPr fontId="3" type="noConversion"/>
  </si>
  <si>
    <t>2020-004</t>
    <phoneticPr fontId="3" type="noConversion"/>
  </si>
  <si>
    <t>2020-005</t>
    <phoneticPr fontId="3" type="noConversion"/>
  </si>
  <si>
    <t>2020-006</t>
    <phoneticPr fontId="3" type="noConversion"/>
  </si>
  <si>
    <t>2020-007</t>
    <phoneticPr fontId="3" type="noConversion"/>
  </si>
  <si>
    <t>2020-008</t>
    <phoneticPr fontId="3" type="noConversion"/>
  </si>
  <si>
    <t>2020-009</t>
    <phoneticPr fontId="3" type="noConversion"/>
  </si>
  <si>
    <t>2020-010</t>
    <phoneticPr fontId="3" type="noConversion"/>
  </si>
  <si>
    <t>2020-011</t>
    <phoneticPr fontId="3" type="noConversion"/>
  </si>
  <si>
    <t>2020-012</t>
    <phoneticPr fontId="3" type="noConversion"/>
  </si>
  <si>
    <t>2020-013</t>
    <phoneticPr fontId="3" type="noConversion"/>
  </si>
  <si>
    <t>2020-014</t>
    <phoneticPr fontId="3" type="noConversion"/>
  </si>
  <si>
    <t>2020-015</t>
    <phoneticPr fontId="3" type="noConversion"/>
  </si>
  <si>
    <t>2020-016</t>
    <phoneticPr fontId="3" type="noConversion"/>
  </si>
  <si>
    <t>2020-017</t>
    <phoneticPr fontId="3" type="noConversion"/>
  </si>
  <si>
    <t>2020-018</t>
    <phoneticPr fontId="3" type="noConversion"/>
  </si>
  <si>
    <t>2020-019</t>
    <phoneticPr fontId="3" type="noConversion"/>
  </si>
  <si>
    <t>2020-020</t>
    <phoneticPr fontId="3" type="noConversion"/>
  </si>
  <si>
    <t>2020-021</t>
    <phoneticPr fontId="3" type="noConversion"/>
  </si>
  <si>
    <t>2020-022</t>
    <phoneticPr fontId="3" type="noConversion"/>
  </si>
  <si>
    <t>2020-023</t>
    <phoneticPr fontId="3" type="noConversion"/>
  </si>
  <si>
    <t>2020-024</t>
    <phoneticPr fontId="3" type="noConversion"/>
  </si>
  <si>
    <t>2020-025</t>
    <phoneticPr fontId="3" type="noConversion"/>
  </si>
  <si>
    <t>2020-026</t>
    <phoneticPr fontId="3" type="noConversion"/>
  </si>
  <si>
    <t>2020-027</t>
    <phoneticPr fontId="3" type="noConversion"/>
  </si>
  <si>
    <t>2020-028</t>
    <phoneticPr fontId="3" type="noConversion"/>
  </si>
  <si>
    <t>2020-029</t>
    <phoneticPr fontId="3" type="noConversion"/>
  </si>
  <si>
    <t>2020-030</t>
    <phoneticPr fontId="3" type="noConversion"/>
  </si>
  <si>
    <t>2020-031</t>
    <phoneticPr fontId="3" type="noConversion"/>
  </si>
  <si>
    <t>2020-032</t>
    <phoneticPr fontId="3" type="noConversion"/>
  </si>
  <si>
    <t>2020-033</t>
    <phoneticPr fontId="3" type="noConversion"/>
  </si>
  <si>
    <t>2020-034</t>
    <phoneticPr fontId="3" type="noConversion"/>
  </si>
  <si>
    <t>2020-035</t>
    <phoneticPr fontId="3" type="noConversion"/>
  </si>
  <si>
    <t>2020-036</t>
    <phoneticPr fontId="3" type="noConversion"/>
  </si>
  <si>
    <t>2020-037</t>
    <phoneticPr fontId="3" type="noConversion"/>
  </si>
  <si>
    <t>2020-038</t>
    <phoneticPr fontId="3" type="noConversion"/>
  </si>
  <si>
    <t>2020-039</t>
    <phoneticPr fontId="3" type="noConversion"/>
  </si>
  <si>
    <t>2020-040</t>
    <phoneticPr fontId="3" type="noConversion"/>
  </si>
  <si>
    <t>2020-041</t>
    <phoneticPr fontId="3" type="noConversion"/>
  </si>
  <si>
    <t>2020-042</t>
    <phoneticPr fontId="3" type="noConversion"/>
  </si>
  <si>
    <t>2020-043</t>
    <phoneticPr fontId="3" type="noConversion"/>
  </si>
  <si>
    <t>2020-044</t>
    <phoneticPr fontId="3" type="noConversion"/>
  </si>
  <si>
    <t>2020-045</t>
    <phoneticPr fontId="3" type="noConversion"/>
  </si>
  <si>
    <t>2020-046</t>
    <phoneticPr fontId="3" type="noConversion"/>
  </si>
  <si>
    <t>2020-047</t>
    <phoneticPr fontId="3" type="noConversion"/>
  </si>
  <si>
    <t>2020-048</t>
    <phoneticPr fontId="3" type="noConversion"/>
  </si>
  <si>
    <t>2020-049</t>
    <phoneticPr fontId="3" type="noConversion"/>
  </si>
  <si>
    <t>2020-050</t>
    <phoneticPr fontId="3" type="noConversion"/>
  </si>
  <si>
    <t>2020-051</t>
    <phoneticPr fontId="3" type="noConversion"/>
  </si>
  <si>
    <t>2020-052</t>
    <phoneticPr fontId="3" type="noConversion"/>
  </si>
  <si>
    <t>2020-053</t>
    <phoneticPr fontId="3" type="noConversion"/>
  </si>
  <si>
    <t>2020-054</t>
    <phoneticPr fontId="3" type="noConversion"/>
  </si>
  <si>
    <t>2020-055</t>
    <phoneticPr fontId="3" type="noConversion"/>
  </si>
  <si>
    <t>2020-056</t>
    <phoneticPr fontId="3" type="noConversion"/>
  </si>
  <si>
    <t>2020-057</t>
    <phoneticPr fontId="3" type="noConversion"/>
  </si>
  <si>
    <t>2020-058</t>
    <phoneticPr fontId="3" type="noConversion"/>
  </si>
  <si>
    <t>2020-059</t>
    <phoneticPr fontId="3" type="noConversion"/>
  </si>
  <si>
    <t>2020-060</t>
    <phoneticPr fontId="3" type="noConversion"/>
  </si>
  <si>
    <t>2020-061</t>
    <phoneticPr fontId="3" type="noConversion"/>
  </si>
  <si>
    <t>2020-062</t>
    <phoneticPr fontId="3" type="noConversion"/>
  </si>
  <si>
    <t>2020-063</t>
    <phoneticPr fontId="3" type="noConversion"/>
  </si>
  <si>
    <t>2020-064</t>
    <phoneticPr fontId="3" type="noConversion"/>
  </si>
  <si>
    <t>2020-065</t>
    <phoneticPr fontId="3" type="noConversion"/>
  </si>
  <si>
    <t>2020-066</t>
    <phoneticPr fontId="3" type="noConversion"/>
  </si>
  <si>
    <t>2020-067</t>
    <phoneticPr fontId="3" type="noConversion"/>
  </si>
  <si>
    <t>2020-068</t>
    <phoneticPr fontId="3" type="noConversion"/>
  </si>
  <si>
    <t>2020-069</t>
    <phoneticPr fontId="3" type="noConversion"/>
  </si>
  <si>
    <t>2020-070</t>
    <phoneticPr fontId="3" type="noConversion"/>
  </si>
  <si>
    <t>Q.PEAK DUO L-G6 KR1 405</t>
    <phoneticPr fontId="3" type="noConversion"/>
  </si>
  <si>
    <t>2020-074</t>
    <phoneticPr fontId="3" type="noConversion"/>
  </si>
  <si>
    <t>Q.PEAK DUO L-G6 KR1 410</t>
    <phoneticPr fontId="3" type="noConversion"/>
  </si>
  <si>
    <t>2020-075</t>
    <phoneticPr fontId="3" type="noConversion"/>
  </si>
  <si>
    <t>2020-076</t>
    <phoneticPr fontId="3" type="noConversion"/>
  </si>
  <si>
    <t>2020-077</t>
    <phoneticPr fontId="3" type="noConversion"/>
  </si>
  <si>
    <t>Q.PEAK DUO L-G6 KR1 415</t>
    <phoneticPr fontId="3" type="noConversion"/>
  </si>
  <si>
    <t>2020-078</t>
    <phoneticPr fontId="3" type="noConversion"/>
  </si>
  <si>
    <t>2020-079</t>
    <phoneticPr fontId="3" type="noConversion"/>
  </si>
  <si>
    <t>2020-080</t>
    <phoneticPr fontId="3" type="noConversion"/>
  </si>
  <si>
    <t>Q.PEAK DUO L-G6 KR1 420</t>
    <phoneticPr fontId="3" type="noConversion"/>
  </si>
  <si>
    <t>2020-081</t>
    <phoneticPr fontId="3" type="noConversion"/>
  </si>
  <si>
    <t>2020-082</t>
    <phoneticPr fontId="3" type="noConversion"/>
  </si>
  <si>
    <t>2020-083</t>
    <phoneticPr fontId="3" type="noConversion"/>
  </si>
  <si>
    <t>Q.PEAK DUO L-G6 KR1 425</t>
    <phoneticPr fontId="3" type="noConversion"/>
  </si>
  <si>
    <t>2020-084</t>
    <phoneticPr fontId="3" type="noConversion"/>
  </si>
  <si>
    <t>2020-085</t>
    <phoneticPr fontId="3" type="noConversion"/>
  </si>
  <si>
    <t>2020-086</t>
    <phoneticPr fontId="3" type="noConversion"/>
  </si>
  <si>
    <t>Q.PEAK DUO L-G6 KR2 410</t>
    <phoneticPr fontId="3" type="noConversion"/>
  </si>
  <si>
    <t>2020-087</t>
    <phoneticPr fontId="3" type="noConversion"/>
  </si>
  <si>
    <t>2020-088</t>
    <phoneticPr fontId="3" type="noConversion"/>
  </si>
  <si>
    <t>2020-089</t>
    <phoneticPr fontId="3" type="noConversion"/>
  </si>
  <si>
    <t>Q.PEAK DUO L-G6 KR2 415</t>
    <phoneticPr fontId="3" type="noConversion"/>
  </si>
  <si>
    <t>2020-090</t>
    <phoneticPr fontId="3" type="noConversion"/>
  </si>
  <si>
    <t>2020-091</t>
    <phoneticPr fontId="3" type="noConversion"/>
  </si>
  <si>
    <t>2020-092</t>
    <phoneticPr fontId="3" type="noConversion"/>
  </si>
  <si>
    <t>Q.PEAK DUO L-G6 KR2 420</t>
    <phoneticPr fontId="3" type="noConversion"/>
  </si>
  <si>
    <t>2020-093</t>
    <phoneticPr fontId="3" type="noConversion"/>
  </si>
  <si>
    <t>2020-094</t>
    <phoneticPr fontId="3" type="noConversion"/>
  </si>
  <si>
    <t>2020-095</t>
    <phoneticPr fontId="3" type="noConversion"/>
  </si>
  <si>
    <t>Q.PEAK DUO L-G6 KR2 425</t>
    <phoneticPr fontId="3" type="noConversion"/>
  </si>
  <si>
    <t>2020-096</t>
    <phoneticPr fontId="3" type="noConversion"/>
  </si>
  <si>
    <t>2020-097</t>
    <phoneticPr fontId="3" type="noConversion"/>
  </si>
  <si>
    <t>2020-098</t>
    <phoneticPr fontId="3" type="noConversion"/>
  </si>
  <si>
    <t>Q.PEAK DUO L-G6.4 KR1 410</t>
    <phoneticPr fontId="3" type="noConversion"/>
  </si>
  <si>
    <t>2020-099</t>
    <phoneticPr fontId="3" type="noConversion"/>
  </si>
  <si>
    <t>Q.PEAK DUO L-G6.4 KR1 415</t>
    <phoneticPr fontId="3" type="noConversion"/>
  </si>
  <si>
    <t>2020-100</t>
    <phoneticPr fontId="3" type="noConversion"/>
  </si>
  <si>
    <t>Q.PEAK DUO L-G6.4 KR1 420</t>
    <phoneticPr fontId="3" type="noConversion"/>
  </si>
  <si>
    <t>2020-101</t>
    <phoneticPr fontId="3" type="noConversion"/>
  </si>
  <si>
    <t>Q.PEAK DUO L-G6.4 KR1 425</t>
    <phoneticPr fontId="3" type="noConversion"/>
  </si>
  <si>
    <t>2020-102</t>
    <phoneticPr fontId="3" type="noConversion"/>
  </si>
  <si>
    <t>Q.PEAK DUO L-G6.4 KR2 410</t>
    <phoneticPr fontId="3" type="noConversion"/>
  </si>
  <si>
    <t>2020-103</t>
    <phoneticPr fontId="3" type="noConversion"/>
  </si>
  <si>
    <t>Q.PEAK DUO L-G6.4 KR2 415</t>
    <phoneticPr fontId="3" type="noConversion"/>
  </si>
  <si>
    <t>2020-104</t>
    <phoneticPr fontId="3" type="noConversion"/>
  </si>
  <si>
    <t>Q.PEAK DUO L-G6.4 KR2 420</t>
    <phoneticPr fontId="3" type="noConversion"/>
  </si>
  <si>
    <t>2020-105</t>
    <phoneticPr fontId="3" type="noConversion"/>
  </si>
  <si>
    <t>Q.PEAK DUO L-G6.4 KR2 425</t>
    <phoneticPr fontId="3" type="noConversion"/>
  </si>
  <si>
    <t>2020-106</t>
    <phoneticPr fontId="3" type="noConversion"/>
  </si>
  <si>
    <t>Q.PEAK DUO L-G6.7 410</t>
    <phoneticPr fontId="3" type="noConversion"/>
  </si>
  <si>
    <t>2020-107</t>
    <phoneticPr fontId="3" type="noConversion"/>
  </si>
  <si>
    <t>Q.PEAK DUO L-G6.7 415</t>
    <phoneticPr fontId="3" type="noConversion"/>
  </si>
  <si>
    <t>2020-108</t>
    <phoneticPr fontId="3" type="noConversion"/>
  </si>
  <si>
    <t>Q.PEAK DUO L-G6.7 420</t>
    <phoneticPr fontId="3" type="noConversion"/>
  </si>
  <si>
    <t>2020-109</t>
    <phoneticPr fontId="3" type="noConversion"/>
  </si>
  <si>
    <t>Q.PEAK DUO L-G6.7 425</t>
    <phoneticPr fontId="3" type="noConversion"/>
  </si>
  <si>
    <t>2020-110</t>
    <phoneticPr fontId="3" type="noConversion"/>
  </si>
  <si>
    <t xml:space="preserve">(주)한화솔루션 </t>
    <phoneticPr fontId="1" type="noConversion"/>
  </si>
  <si>
    <t>Q.PEAK DUO L-G6.2 KR1 405</t>
    <phoneticPr fontId="3" type="noConversion"/>
  </si>
  <si>
    <t>2020-111</t>
    <phoneticPr fontId="3" type="noConversion"/>
  </si>
  <si>
    <t>2020-112</t>
    <phoneticPr fontId="3" type="noConversion"/>
  </si>
  <si>
    <t>2020-113</t>
    <phoneticPr fontId="3" type="noConversion"/>
  </si>
  <si>
    <t>2020-114</t>
    <phoneticPr fontId="3" type="noConversion"/>
  </si>
  <si>
    <t>2020-115</t>
    <phoneticPr fontId="3" type="noConversion"/>
  </si>
  <si>
    <t>2020-116</t>
    <phoneticPr fontId="3" type="noConversion"/>
  </si>
  <si>
    <t>(주)한솔테크닉스</t>
    <phoneticPr fontId="1" type="noConversion"/>
  </si>
  <si>
    <t>HS435UE-AH3</t>
    <phoneticPr fontId="3" type="noConversion"/>
  </si>
  <si>
    <t>2020-117</t>
    <phoneticPr fontId="3" type="noConversion"/>
  </si>
  <si>
    <t>HS430UE-AH3</t>
    <phoneticPr fontId="3" type="noConversion"/>
  </si>
  <si>
    <t>2020-118</t>
    <phoneticPr fontId="3" type="noConversion"/>
  </si>
  <si>
    <t>HS425UE-AH3</t>
    <phoneticPr fontId="3" type="noConversion"/>
  </si>
  <si>
    <t>2020-119</t>
    <phoneticPr fontId="3" type="noConversion"/>
  </si>
  <si>
    <t>HS390UD-W02</t>
    <phoneticPr fontId="3" type="noConversion"/>
  </si>
  <si>
    <t>2020-120</t>
    <phoneticPr fontId="3" type="noConversion"/>
  </si>
  <si>
    <t>HS385UD-W02</t>
    <phoneticPr fontId="3" type="noConversion"/>
  </si>
  <si>
    <t>2020-121</t>
    <phoneticPr fontId="3" type="noConversion"/>
  </si>
  <si>
    <t>HS405UD-HH2</t>
    <phoneticPr fontId="3" type="noConversion"/>
  </si>
  <si>
    <t>2020-122</t>
    <phoneticPr fontId="3" type="noConversion"/>
  </si>
  <si>
    <t>HS400UD-HH2</t>
    <phoneticPr fontId="3" type="noConversion"/>
  </si>
  <si>
    <t>2020-123</t>
    <phoneticPr fontId="3" type="noConversion"/>
  </si>
  <si>
    <t>HS395UD-HH2</t>
    <phoneticPr fontId="3" type="noConversion"/>
  </si>
  <si>
    <t>2020-124</t>
    <phoneticPr fontId="3" type="noConversion"/>
  </si>
  <si>
    <t>HS390UD-HH2</t>
    <phoneticPr fontId="3" type="noConversion"/>
  </si>
  <si>
    <t>2020-125</t>
    <phoneticPr fontId="3" type="noConversion"/>
  </si>
  <si>
    <t>HS385UD-HH2</t>
    <phoneticPr fontId="3" type="noConversion"/>
  </si>
  <si>
    <t>2020-126</t>
    <phoneticPr fontId="3" type="noConversion"/>
  </si>
  <si>
    <t>HS380UD-HH2</t>
    <phoneticPr fontId="3" type="noConversion"/>
  </si>
  <si>
    <t>2020-127</t>
    <phoneticPr fontId="3" type="noConversion"/>
  </si>
  <si>
    <t>HS395UD-AH2</t>
    <phoneticPr fontId="3" type="noConversion"/>
  </si>
  <si>
    <t>2020-128</t>
    <phoneticPr fontId="3" type="noConversion"/>
  </si>
  <si>
    <t>HS390UD-AH2</t>
    <phoneticPr fontId="3" type="noConversion"/>
  </si>
  <si>
    <t>2020-129</t>
    <phoneticPr fontId="3" type="noConversion"/>
  </si>
  <si>
    <t>HS385UD-AH2</t>
    <phoneticPr fontId="3" type="noConversion"/>
  </si>
  <si>
    <t>2020-130</t>
    <phoneticPr fontId="3" type="noConversion"/>
  </si>
  <si>
    <t>HS380UD-AH2</t>
    <phoneticPr fontId="3" type="noConversion"/>
  </si>
  <si>
    <t>2020-131</t>
    <phoneticPr fontId="3" type="noConversion"/>
  </si>
  <si>
    <t>HS375UD-AH2</t>
    <phoneticPr fontId="3" type="noConversion"/>
  </si>
  <si>
    <t>2020-132</t>
    <phoneticPr fontId="3" type="noConversion"/>
  </si>
  <si>
    <t>HS425UE-AH2</t>
    <phoneticPr fontId="3" type="noConversion"/>
  </si>
  <si>
    <t>2020-133</t>
    <phoneticPr fontId="3" type="noConversion"/>
  </si>
  <si>
    <t>HS420UE-AH2</t>
    <phoneticPr fontId="3" type="noConversion"/>
  </si>
  <si>
    <t>2020-134</t>
    <phoneticPr fontId="3" type="noConversion"/>
  </si>
  <si>
    <t>HS415UE-AH2</t>
    <phoneticPr fontId="3" type="noConversion"/>
  </si>
  <si>
    <t>2020-135</t>
    <phoneticPr fontId="3" type="noConversion"/>
  </si>
  <si>
    <t>HS410UE-AH2</t>
    <phoneticPr fontId="3" type="noConversion"/>
  </si>
  <si>
    <t>2020-136</t>
    <phoneticPr fontId="3" type="noConversion"/>
  </si>
  <si>
    <t>HS405UE-AH2</t>
    <phoneticPr fontId="3" type="noConversion"/>
  </si>
  <si>
    <t>2020-137</t>
    <phoneticPr fontId="3" type="noConversion"/>
  </si>
  <si>
    <t>HS375UD-AN1</t>
    <phoneticPr fontId="3" type="noConversion"/>
  </si>
  <si>
    <t>2020-138</t>
    <phoneticPr fontId="3" type="noConversion"/>
  </si>
  <si>
    <t>HS370UD-AN1</t>
    <phoneticPr fontId="3" type="noConversion"/>
  </si>
  <si>
    <t>2020-139</t>
    <phoneticPr fontId="3" type="noConversion"/>
  </si>
  <si>
    <t>HS365UD-AN1</t>
    <phoneticPr fontId="3" type="noConversion"/>
  </si>
  <si>
    <t>2020-140</t>
    <phoneticPr fontId="3" type="noConversion"/>
  </si>
  <si>
    <t>HS360UD-AN1</t>
    <phoneticPr fontId="3" type="noConversion"/>
  </si>
  <si>
    <t>2020-141</t>
    <phoneticPr fontId="3" type="noConversion"/>
  </si>
  <si>
    <t>HS355UD-AN1</t>
    <phoneticPr fontId="3" type="noConversion"/>
  </si>
  <si>
    <t>2020-142</t>
    <phoneticPr fontId="3" type="noConversion"/>
  </si>
  <si>
    <t>HS400UD-JH2</t>
    <phoneticPr fontId="3" type="noConversion"/>
  </si>
  <si>
    <t>2020-143</t>
    <phoneticPr fontId="3" type="noConversion"/>
  </si>
  <si>
    <t>HS395UD-JH2</t>
    <phoneticPr fontId="3" type="noConversion"/>
  </si>
  <si>
    <t>2020-144</t>
    <phoneticPr fontId="3" type="noConversion"/>
  </si>
  <si>
    <t>HS390UD-JH2</t>
    <phoneticPr fontId="3" type="noConversion"/>
  </si>
  <si>
    <t>2020-145</t>
    <phoneticPr fontId="3" type="noConversion"/>
  </si>
  <si>
    <t>HS385UD-JH2</t>
    <phoneticPr fontId="3" type="noConversion"/>
  </si>
  <si>
    <t>2020-146</t>
    <phoneticPr fontId="3" type="noConversion"/>
  </si>
  <si>
    <t>HS380UD-JH2</t>
    <phoneticPr fontId="3" type="noConversion"/>
  </si>
  <si>
    <t>2020-147</t>
    <phoneticPr fontId="3" type="noConversion"/>
  </si>
  <si>
    <t>HS400UE-AN1</t>
    <phoneticPr fontId="3" type="noConversion"/>
  </si>
  <si>
    <t>2020-148</t>
    <phoneticPr fontId="3" type="noConversion"/>
  </si>
  <si>
    <t>HS395UE-AN1</t>
    <phoneticPr fontId="3" type="noConversion"/>
  </si>
  <si>
    <t>2020-149</t>
    <phoneticPr fontId="3" type="noConversion"/>
  </si>
  <si>
    <t>HS390UE-AN1</t>
    <phoneticPr fontId="3" type="noConversion"/>
  </si>
  <si>
    <t>2020-150</t>
    <phoneticPr fontId="3" type="noConversion"/>
  </si>
  <si>
    <t>HS385UE-AN1</t>
    <phoneticPr fontId="3" type="noConversion"/>
  </si>
  <si>
    <t>2020-151</t>
    <phoneticPr fontId="3" type="noConversion"/>
  </si>
  <si>
    <t>(주)에스에너지</t>
    <phoneticPr fontId="1" type="noConversion"/>
  </si>
  <si>
    <t>SN315M-37</t>
    <phoneticPr fontId="3" type="noConversion"/>
  </si>
  <si>
    <t>2020-152</t>
    <phoneticPr fontId="3" type="noConversion"/>
  </si>
  <si>
    <t xml:space="preserve">SN320M-37 </t>
    <phoneticPr fontId="3" type="noConversion"/>
  </si>
  <si>
    <t>2020-153</t>
    <phoneticPr fontId="3" type="noConversion"/>
  </si>
  <si>
    <t>SN380M-37</t>
    <phoneticPr fontId="3" type="noConversion"/>
  </si>
  <si>
    <t>2020-154</t>
    <phoneticPr fontId="3" type="noConversion"/>
  </si>
  <si>
    <t>SN385M-37</t>
    <phoneticPr fontId="3" type="noConversion"/>
  </si>
  <si>
    <t>2020-155</t>
    <phoneticPr fontId="3" type="noConversion"/>
  </si>
  <si>
    <t>SN390M-37</t>
    <phoneticPr fontId="3" type="noConversion"/>
  </si>
  <si>
    <t>2020-156</t>
    <phoneticPr fontId="3" type="noConversion"/>
  </si>
  <si>
    <t>SN25-78MAE-420S</t>
    <phoneticPr fontId="3" type="noConversion"/>
  </si>
  <si>
    <t>2020-157</t>
    <phoneticPr fontId="3" type="noConversion"/>
  </si>
  <si>
    <t>SN25-78MAE-425S</t>
    <phoneticPr fontId="3" type="noConversion"/>
  </si>
  <si>
    <t>2020-158</t>
    <phoneticPr fontId="3" type="noConversion"/>
  </si>
  <si>
    <t>(주)LG전자</t>
    <phoneticPr fontId="1" type="noConversion"/>
  </si>
  <si>
    <t xml:space="preserve"> 구미 제1공장</t>
    <phoneticPr fontId="3" type="noConversion"/>
  </si>
  <si>
    <t>LG400S2W-U5</t>
    <phoneticPr fontId="3" type="noConversion"/>
  </si>
  <si>
    <t>2020-159</t>
    <phoneticPr fontId="3" type="noConversion"/>
  </si>
  <si>
    <t>LG395S2W-U5</t>
    <phoneticPr fontId="3" type="noConversion"/>
  </si>
  <si>
    <t>2020-160</t>
    <phoneticPr fontId="3" type="noConversion"/>
  </si>
  <si>
    <t>LG425N2T-V5</t>
    <phoneticPr fontId="3" type="noConversion"/>
  </si>
  <si>
    <t>2020-161</t>
    <phoneticPr fontId="3" type="noConversion"/>
  </si>
  <si>
    <t>LG420N2W-V5</t>
    <phoneticPr fontId="3" type="noConversion"/>
  </si>
  <si>
    <t>2020-162</t>
    <phoneticPr fontId="3" type="noConversion"/>
  </si>
  <si>
    <t>LG415N2W-V5</t>
    <phoneticPr fontId="3" type="noConversion"/>
  </si>
  <si>
    <t>2020-163</t>
    <phoneticPr fontId="3" type="noConversion"/>
  </si>
  <si>
    <t>LG420N2W-L5</t>
    <phoneticPr fontId="3" type="noConversion"/>
  </si>
  <si>
    <t>2020-164</t>
    <phoneticPr fontId="3" type="noConversion"/>
  </si>
  <si>
    <t>LG415N2W-L5</t>
    <phoneticPr fontId="3" type="noConversion"/>
  </si>
  <si>
    <t>2020-165</t>
    <phoneticPr fontId="3" type="noConversion"/>
  </si>
  <si>
    <t>(주)현대에너지솔루션</t>
    <phoneticPr fontId="1" type="noConversion"/>
  </si>
  <si>
    <t>HiS-S445XI</t>
    <phoneticPr fontId="3" type="noConversion"/>
  </si>
  <si>
    <t>2020-166</t>
    <phoneticPr fontId="3" type="noConversion"/>
  </si>
  <si>
    <t>HiS-S440XI</t>
    <phoneticPr fontId="3" type="noConversion"/>
  </si>
  <si>
    <t>2020-167</t>
    <phoneticPr fontId="3" type="noConversion"/>
  </si>
  <si>
    <t>HiS-S435XI</t>
    <phoneticPr fontId="3" type="noConversion"/>
  </si>
  <si>
    <t>2020-168</t>
    <phoneticPr fontId="3" type="noConversion"/>
  </si>
  <si>
    <t>HiS-S430XI</t>
    <phoneticPr fontId="3" type="noConversion"/>
  </si>
  <si>
    <t>2020-169</t>
    <phoneticPr fontId="3" type="noConversion"/>
  </si>
  <si>
    <t>HiS-S425XI</t>
    <phoneticPr fontId="3" type="noConversion"/>
  </si>
  <si>
    <t>2020-170</t>
    <phoneticPr fontId="3" type="noConversion"/>
  </si>
  <si>
    <t>HiS-S450YI</t>
    <phoneticPr fontId="3" type="noConversion"/>
  </si>
  <si>
    <t>2020-171</t>
    <phoneticPr fontId="3" type="noConversion"/>
  </si>
  <si>
    <t>HiS-S445YI</t>
    <phoneticPr fontId="3" type="noConversion"/>
  </si>
  <si>
    <t>2020-172</t>
    <phoneticPr fontId="3" type="noConversion"/>
  </si>
  <si>
    <t>2020-173</t>
    <phoneticPr fontId="3" type="noConversion"/>
  </si>
  <si>
    <t>2020-174</t>
    <phoneticPr fontId="3" type="noConversion"/>
  </si>
  <si>
    <t>2020-175</t>
    <phoneticPr fontId="3" type="noConversion"/>
  </si>
  <si>
    <t>2020-176</t>
    <phoneticPr fontId="3" type="noConversion"/>
  </si>
  <si>
    <t>HiS-S380RI-EEHA</t>
    <phoneticPr fontId="3" type="noConversion"/>
  </si>
  <si>
    <t>2020-177</t>
    <phoneticPr fontId="3" type="noConversion"/>
  </si>
  <si>
    <t>HiS-S375RI-EEHA</t>
    <phoneticPr fontId="3" type="noConversion"/>
  </si>
  <si>
    <t>2020-178</t>
    <phoneticPr fontId="3" type="noConversion"/>
  </si>
  <si>
    <t>HiS-S370RI-EEHA</t>
    <phoneticPr fontId="3" type="noConversion"/>
  </si>
  <si>
    <t>2020-179</t>
    <phoneticPr fontId="3" type="noConversion"/>
  </si>
  <si>
    <t>HiS-S365RI-EEHA</t>
    <phoneticPr fontId="3" type="noConversion"/>
  </si>
  <si>
    <t>2020-180</t>
    <phoneticPr fontId="3" type="noConversion"/>
  </si>
  <si>
    <t>(주)신성이엔지</t>
    <phoneticPr fontId="1" type="noConversion"/>
  </si>
  <si>
    <t>2020-181</t>
    <phoneticPr fontId="3" type="noConversion"/>
  </si>
  <si>
    <t>2020-182</t>
    <phoneticPr fontId="3" type="noConversion"/>
  </si>
  <si>
    <t>2020-183</t>
    <phoneticPr fontId="3" type="noConversion"/>
  </si>
  <si>
    <t>2020-184</t>
    <phoneticPr fontId="3" type="noConversion"/>
  </si>
  <si>
    <t>2020-185</t>
    <phoneticPr fontId="3" type="noConversion"/>
  </si>
  <si>
    <t>SN395M-37</t>
    <phoneticPr fontId="3" type="noConversion"/>
  </si>
  <si>
    <t>2020-186</t>
    <phoneticPr fontId="3" type="noConversion"/>
  </si>
  <si>
    <t>2020-187</t>
    <phoneticPr fontId="3" type="noConversion"/>
  </si>
  <si>
    <t>TOP CLASS 540D</t>
    <phoneticPr fontId="3" type="noConversion"/>
  </si>
  <si>
    <t>2020-188</t>
    <phoneticPr fontId="3" type="noConversion"/>
  </si>
  <si>
    <t>TOP CLASS 545T</t>
    <phoneticPr fontId="3" type="noConversion"/>
  </si>
  <si>
    <t>2020-189</t>
    <phoneticPr fontId="3" type="noConversion"/>
  </si>
  <si>
    <t>TOP CLASS 550D</t>
    <phoneticPr fontId="3" type="noConversion"/>
  </si>
  <si>
    <t>2020-190</t>
    <phoneticPr fontId="3" type="noConversion"/>
  </si>
  <si>
    <t>광주첨단공장</t>
    <phoneticPr fontId="3" type="noConversion"/>
  </si>
  <si>
    <t>Sdm315-BA-A1</t>
    <phoneticPr fontId="3" type="noConversion"/>
  </si>
  <si>
    <t>2020-191</t>
    <phoneticPr fontId="3" type="noConversion"/>
  </si>
  <si>
    <t>Sdm320-BA-A1</t>
    <phoneticPr fontId="3" type="noConversion"/>
  </si>
  <si>
    <t>2020-192</t>
    <phoneticPr fontId="3" type="noConversion"/>
  </si>
  <si>
    <t>Sdm315-PB-A2S</t>
    <phoneticPr fontId="3" type="noConversion"/>
  </si>
  <si>
    <t>2020-193</t>
    <phoneticPr fontId="3" type="noConversion"/>
  </si>
  <si>
    <t>Sdm320-PB-A2S</t>
    <phoneticPr fontId="3" type="noConversion"/>
  </si>
  <si>
    <t>2020-194</t>
    <phoneticPr fontId="3" type="noConversion"/>
  </si>
  <si>
    <t>Sdm325-PB-A2S</t>
    <phoneticPr fontId="3" type="noConversion"/>
  </si>
  <si>
    <t>2020-195</t>
    <phoneticPr fontId="3" type="noConversion"/>
  </si>
  <si>
    <t>2020-196</t>
    <phoneticPr fontId="3" type="noConversion"/>
  </si>
  <si>
    <t>2020-197</t>
    <phoneticPr fontId="3" type="noConversion"/>
  </si>
  <si>
    <t>2020-198</t>
    <phoneticPr fontId="3" type="noConversion"/>
  </si>
  <si>
    <t>2020-199</t>
    <phoneticPr fontId="3" type="noConversion"/>
  </si>
  <si>
    <t>Q.PEAK DUO L-G8 405</t>
    <phoneticPr fontId="3" type="noConversion"/>
  </si>
  <si>
    <t>2020-200</t>
    <phoneticPr fontId="3" type="noConversion"/>
  </si>
  <si>
    <t>Q.PEAK DUO L-G8 410</t>
    <phoneticPr fontId="3" type="noConversion"/>
  </si>
  <si>
    <t>2020-201</t>
    <phoneticPr fontId="3" type="noConversion"/>
  </si>
  <si>
    <t>Q.PEAK DUO L-G8 415</t>
    <phoneticPr fontId="3" type="noConversion"/>
  </si>
  <si>
    <t>2020-202</t>
    <phoneticPr fontId="3" type="noConversion"/>
  </si>
  <si>
    <t>Q.PEAK DUO L-G8 420</t>
    <phoneticPr fontId="3" type="noConversion"/>
  </si>
  <si>
    <t>2020-203</t>
    <phoneticPr fontId="3" type="noConversion"/>
  </si>
  <si>
    <t>Q.PEAK DUO XL-G9.3 KR1 460</t>
    <phoneticPr fontId="3" type="noConversion"/>
  </si>
  <si>
    <t>2020-204</t>
    <phoneticPr fontId="3" type="noConversion"/>
  </si>
  <si>
    <t>2020-205</t>
    <phoneticPr fontId="3" type="noConversion"/>
  </si>
  <si>
    <t>2020-206</t>
    <phoneticPr fontId="3" type="noConversion"/>
  </si>
  <si>
    <t>Q.PEAK DUO L-G6 405</t>
    <phoneticPr fontId="3" type="noConversion"/>
  </si>
  <si>
    <t>2020-207</t>
    <phoneticPr fontId="3" type="noConversion"/>
  </si>
  <si>
    <t>Q.PEAK DUO L-G6 410</t>
    <phoneticPr fontId="3" type="noConversion"/>
  </si>
  <si>
    <t>2020-208</t>
    <phoneticPr fontId="3" type="noConversion"/>
  </si>
  <si>
    <t>Q.PEAK DUO L-G6 415</t>
    <phoneticPr fontId="3" type="noConversion"/>
  </si>
  <si>
    <t>2020-209</t>
    <phoneticPr fontId="3" type="noConversion"/>
  </si>
  <si>
    <t>Q.PEAK DUO L-G6 420</t>
    <phoneticPr fontId="3" type="noConversion"/>
  </si>
  <si>
    <t>2020-210</t>
    <phoneticPr fontId="3" type="noConversion"/>
  </si>
  <si>
    <t>Q.PEAK DUO L-G6 KR2 430</t>
    <phoneticPr fontId="3" type="noConversion"/>
  </si>
  <si>
    <t>2020-211</t>
    <phoneticPr fontId="3" type="noConversion"/>
  </si>
  <si>
    <t>2020-212</t>
    <phoneticPr fontId="3" type="noConversion"/>
  </si>
  <si>
    <t>2020-213</t>
    <phoneticPr fontId="3" type="noConversion"/>
  </si>
  <si>
    <t>Q.PEAK DUO L-G6.4 KR2 430</t>
    <phoneticPr fontId="3" type="noConversion"/>
  </si>
  <si>
    <t>2020-214</t>
    <phoneticPr fontId="3" type="noConversion"/>
  </si>
  <si>
    <t>Q.PEAK DUO L-G6.7 430</t>
    <phoneticPr fontId="3" type="noConversion"/>
  </si>
  <si>
    <t>2020-215</t>
    <phoneticPr fontId="3" type="noConversion"/>
  </si>
  <si>
    <t>LG425N2T-B5</t>
    <phoneticPr fontId="3" type="noConversion"/>
  </si>
  <si>
    <t>2020-216</t>
    <phoneticPr fontId="3" type="noConversion"/>
  </si>
  <si>
    <t>LG430N2T-B5</t>
    <phoneticPr fontId="3" type="noConversion"/>
  </si>
  <si>
    <t>2020-217</t>
    <phoneticPr fontId="3" type="noConversion"/>
  </si>
  <si>
    <t>LG435N2T-B5</t>
    <phoneticPr fontId="3" type="noConversion"/>
  </si>
  <si>
    <t>2020-218</t>
    <phoneticPr fontId="3" type="noConversion"/>
  </si>
  <si>
    <t>구미 제1공장</t>
    <phoneticPr fontId="3" type="noConversion"/>
  </si>
  <si>
    <t>LG405S2W-U5</t>
    <phoneticPr fontId="3" type="noConversion"/>
  </si>
  <si>
    <t>2020-219</t>
    <phoneticPr fontId="3" type="noConversion"/>
  </si>
  <si>
    <t>2020-220</t>
    <phoneticPr fontId="3" type="noConversion"/>
  </si>
  <si>
    <t>2020-221</t>
    <phoneticPr fontId="3" type="noConversion"/>
  </si>
  <si>
    <t>2020-222</t>
    <phoneticPr fontId="3" type="noConversion"/>
  </si>
  <si>
    <t>2020-223</t>
    <phoneticPr fontId="3" type="noConversion"/>
  </si>
  <si>
    <t>2020-224</t>
    <phoneticPr fontId="3" type="noConversion"/>
  </si>
  <si>
    <t>2020-225</t>
    <phoneticPr fontId="3" type="noConversion"/>
  </si>
  <si>
    <t>2020-226</t>
    <phoneticPr fontId="3" type="noConversion"/>
  </si>
  <si>
    <t>2020-227</t>
    <phoneticPr fontId="3" type="noConversion"/>
  </si>
  <si>
    <t>2020-228</t>
    <phoneticPr fontId="3" type="noConversion"/>
  </si>
  <si>
    <t>2020-229</t>
    <phoneticPr fontId="3" type="noConversion"/>
  </si>
  <si>
    <t>2020-230</t>
    <phoneticPr fontId="3" type="noConversion"/>
  </si>
  <si>
    <t>2020-231</t>
    <phoneticPr fontId="3" type="noConversion"/>
  </si>
  <si>
    <t>2020-232</t>
    <phoneticPr fontId="3" type="noConversion"/>
  </si>
  <si>
    <t>2020-233</t>
    <phoneticPr fontId="3" type="noConversion"/>
  </si>
  <si>
    <t>2020-234</t>
    <phoneticPr fontId="3" type="noConversion"/>
  </si>
  <si>
    <t>2020-235</t>
    <phoneticPr fontId="3" type="noConversion"/>
  </si>
  <si>
    <t>2021-236</t>
    <phoneticPr fontId="3" type="noConversion"/>
  </si>
  <si>
    <t>2021-237</t>
    <phoneticPr fontId="3" type="noConversion"/>
  </si>
  <si>
    <t>2021-238</t>
    <phoneticPr fontId="3" type="noConversion"/>
  </si>
  <si>
    <t>2021-239</t>
    <phoneticPr fontId="3" type="noConversion"/>
  </si>
  <si>
    <t>2021-240</t>
    <phoneticPr fontId="3" type="noConversion"/>
  </si>
  <si>
    <t>2021-241</t>
    <phoneticPr fontId="3" type="noConversion"/>
  </si>
  <si>
    <t>2021-242</t>
    <phoneticPr fontId="3" type="noConversion"/>
  </si>
  <si>
    <t>SN400M-37</t>
    <phoneticPr fontId="3" type="noConversion"/>
  </si>
  <si>
    <t>2021-243</t>
    <phoneticPr fontId="3" type="noConversion"/>
  </si>
  <si>
    <t>2021-244</t>
    <phoneticPr fontId="3" type="noConversion"/>
  </si>
  <si>
    <t>2021-245</t>
    <phoneticPr fontId="3" type="noConversion"/>
  </si>
  <si>
    <t>2021-246</t>
    <phoneticPr fontId="3" type="noConversion"/>
  </si>
  <si>
    <t>2021-247</t>
    <phoneticPr fontId="3" type="noConversion"/>
  </si>
  <si>
    <t>2021-248</t>
    <phoneticPr fontId="3" type="noConversion"/>
  </si>
  <si>
    <t>2021-249</t>
    <phoneticPr fontId="3" type="noConversion"/>
  </si>
  <si>
    <t>2021-250</t>
    <phoneticPr fontId="3" type="noConversion"/>
  </si>
  <si>
    <t>HS380UD-THB</t>
    <phoneticPr fontId="3" type="noConversion"/>
  </si>
  <si>
    <t>2021-251</t>
    <phoneticPr fontId="3" type="noConversion"/>
  </si>
  <si>
    <t>HS385UD-THB</t>
    <phoneticPr fontId="3" type="noConversion"/>
  </si>
  <si>
    <t>2021-252</t>
    <phoneticPr fontId="3" type="noConversion"/>
  </si>
  <si>
    <t>2021-253</t>
    <phoneticPr fontId="3" type="noConversion"/>
  </si>
  <si>
    <t>2021-254</t>
    <phoneticPr fontId="3" type="noConversion"/>
  </si>
  <si>
    <t>2021-255</t>
    <phoneticPr fontId="3" type="noConversion"/>
  </si>
  <si>
    <t>2021-256</t>
    <phoneticPr fontId="3" type="noConversion"/>
  </si>
  <si>
    <t>HS470WE-HH4</t>
    <phoneticPr fontId="3" type="noConversion"/>
  </si>
  <si>
    <t>2021-257</t>
    <phoneticPr fontId="3" type="noConversion"/>
  </si>
  <si>
    <t>HS475WE-HH4</t>
    <phoneticPr fontId="3" type="noConversion"/>
  </si>
  <si>
    <t>2021-258</t>
    <phoneticPr fontId="3" type="noConversion"/>
  </si>
  <si>
    <t>HS480WE-HH4</t>
    <phoneticPr fontId="3" type="noConversion"/>
  </si>
  <si>
    <t>2021-259</t>
    <phoneticPr fontId="3" type="noConversion"/>
  </si>
  <si>
    <t>HS485WE-HH4</t>
    <phoneticPr fontId="3" type="noConversion"/>
  </si>
  <si>
    <t>2021-260</t>
    <phoneticPr fontId="3" type="noConversion"/>
  </si>
  <si>
    <t>Sdm335-BA-A2S</t>
    <phoneticPr fontId="3" type="noConversion"/>
  </si>
  <si>
    <t>2021-261</t>
    <phoneticPr fontId="3" type="noConversion"/>
  </si>
  <si>
    <t>Sdm330-BA-A2S</t>
    <phoneticPr fontId="3" type="noConversion"/>
  </si>
  <si>
    <t>2021-262</t>
    <phoneticPr fontId="3" type="noConversion"/>
  </si>
  <si>
    <t>Sdm325-BA-A2S</t>
    <phoneticPr fontId="3" type="noConversion"/>
  </si>
  <si>
    <t>2021-263</t>
    <phoneticPr fontId="3" type="noConversion"/>
  </si>
  <si>
    <t>Sdm320-BA-A2S</t>
    <phoneticPr fontId="3" type="noConversion"/>
  </si>
  <si>
    <t>2021-264</t>
    <phoneticPr fontId="3" type="noConversion"/>
  </si>
  <si>
    <t>SS-DM445PJ</t>
    <phoneticPr fontId="3" type="noConversion"/>
  </si>
  <si>
    <t>2021-265</t>
    <phoneticPr fontId="3" type="noConversion"/>
  </si>
  <si>
    <t>SS-DM450PJ</t>
    <phoneticPr fontId="3" type="noConversion"/>
  </si>
  <si>
    <t>2021-266</t>
    <phoneticPr fontId="3" type="noConversion"/>
  </si>
  <si>
    <t>(주)솔라파크코리아</t>
    <phoneticPr fontId="1" type="noConversion"/>
  </si>
  <si>
    <t>SPP 430 LCHD G1.W</t>
    <phoneticPr fontId="3" type="noConversion"/>
  </si>
  <si>
    <t>2021-267</t>
    <phoneticPr fontId="3" type="noConversion"/>
  </si>
  <si>
    <t>SPP 435 LCHD G1.W</t>
    <phoneticPr fontId="3" type="noConversion"/>
  </si>
  <si>
    <t>2021-268</t>
    <phoneticPr fontId="3" type="noConversion"/>
  </si>
  <si>
    <t>SPP 440 LCHD G1.W</t>
    <phoneticPr fontId="3" type="noConversion"/>
  </si>
  <si>
    <t>2021-269</t>
    <phoneticPr fontId="3" type="noConversion"/>
  </si>
  <si>
    <t>2021-270</t>
    <phoneticPr fontId="3" type="noConversion"/>
  </si>
  <si>
    <t>2021-271</t>
    <phoneticPr fontId="3" type="noConversion"/>
  </si>
  <si>
    <t>2021-272</t>
    <phoneticPr fontId="3" type="noConversion"/>
  </si>
  <si>
    <t>2021-273</t>
    <phoneticPr fontId="3" type="noConversion"/>
  </si>
  <si>
    <t>2021-274</t>
    <phoneticPr fontId="3" type="noConversion"/>
  </si>
  <si>
    <t>2021-275</t>
    <phoneticPr fontId="3" type="noConversion"/>
  </si>
  <si>
    <t>2021-276</t>
    <phoneticPr fontId="3" type="noConversion"/>
  </si>
  <si>
    <t>2021-277</t>
    <phoneticPr fontId="3" type="noConversion"/>
  </si>
  <si>
    <t>2021-278</t>
    <phoneticPr fontId="3" type="noConversion"/>
  </si>
  <si>
    <t>2021-279</t>
    <phoneticPr fontId="3" type="noConversion"/>
  </si>
  <si>
    <t>2021-280</t>
    <phoneticPr fontId="3" type="noConversion"/>
  </si>
  <si>
    <t>2021-281</t>
    <phoneticPr fontId="3" type="noConversion"/>
  </si>
  <si>
    <t>2021-282</t>
    <phoneticPr fontId="3" type="noConversion"/>
  </si>
  <si>
    <t>2021-283</t>
    <phoneticPr fontId="3" type="noConversion"/>
  </si>
  <si>
    <t>2021-284</t>
    <phoneticPr fontId="3" type="noConversion"/>
  </si>
  <si>
    <t>2021-285</t>
    <phoneticPr fontId="3" type="noConversion"/>
  </si>
  <si>
    <t>2021-286</t>
    <phoneticPr fontId="3" type="noConversion"/>
  </si>
  <si>
    <t>2021-287</t>
    <phoneticPr fontId="3" type="noConversion"/>
  </si>
  <si>
    <t>2021-288</t>
    <phoneticPr fontId="3" type="noConversion"/>
  </si>
  <si>
    <t>HiS-S420EI</t>
    <phoneticPr fontId="3" type="noConversion"/>
  </si>
  <si>
    <t>2021-289</t>
    <phoneticPr fontId="3" type="noConversion"/>
  </si>
  <si>
    <t>HiS-S425EI</t>
    <phoneticPr fontId="3" type="noConversion"/>
  </si>
  <si>
    <t>2021-290</t>
    <phoneticPr fontId="3" type="noConversion"/>
  </si>
  <si>
    <t>HiS-S430EI</t>
    <phoneticPr fontId="3" type="noConversion"/>
  </si>
  <si>
    <t>2021-291</t>
    <phoneticPr fontId="3" type="noConversion"/>
  </si>
  <si>
    <t>HiS-S435EI</t>
    <phoneticPr fontId="3" type="noConversion"/>
  </si>
  <si>
    <t>2021-292</t>
    <phoneticPr fontId="3" type="noConversion"/>
  </si>
  <si>
    <t>HiS-S440EI</t>
    <phoneticPr fontId="3" type="noConversion"/>
  </si>
  <si>
    <t>2021-293</t>
    <phoneticPr fontId="3" type="noConversion"/>
  </si>
  <si>
    <t>(주)쏠라리버</t>
    <phoneticPr fontId="1" type="noConversion"/>
  </si>
  <si>
    <t>2021-294</t>
    <phoneticPr fontId="3" type="noConversion"/>
  </si>
  <si>
    <t>2021-295</t>
    <phoneticPr fontId="3" type="noConversion"/>
  </si>
  <si>
    <t>2021-296</t>
    <phoneticPr fontId="3" type="noConversion"/>
  </si>
  <si>
    <t>2021-297</t>
    <phoneticPr fontId="3" type="noConversion"/>
  </si>
  <si>
    <t>2021-298</t>
    <phoneticPr fontId="3" type="noConversion"/>
  </si>
  <si>
    <t>2021-299</t>
    <phoneticPr fontId="3" type="noConversion"/>
  </si>
  <si>
    <t>2021-300</t>
    <phoneticPr fontId="3" type="noConversion"/>
  </si>
  <si>
    <t>2021-301</t>
    <phoneticPr fontId="3" type="noConversion"/>
  </si>
  <si>
    <t>Q.PEAK DUO L-G6.3 415</t>
    <phoneticPr fontId="3" type="noConversion"/>
  </si>
  <si>
    <t>2021-302</t>
    <phoneticPr fontId="3" type="noConversion"/>
  </si>
  <si>
    <t>Q.PEAK DUO L-G6.3 420</t>
    <phoneticPr fontId="3" type="noConversion"/>
  </si>
  <si>
    <t>2021-303</t>
    <phoneticPr fontId="3" type="noConversion"/>
  </si>
  <si>
    <t>Q.PEAK DUO L-G6.3 425</t>
    <phoneticPr fontId="3" type="noConversion"/>
  </si>
  <si>
    <t>2021-304</t>
    <phoneticPr fontId="3" type="noConversion"/>
  </si>
  <si>
    <t>Q.PEAK DUO L-G6.3 430</t>
    <phoneticPr fontId="3" type="noConversion"/>
  </si>
  <si>
    <t>2021-305</t>
    <phoneticPr fontId="3" type="noConversion"/>
  </si>
  <si>
    <t>2021-306</t>
    <phoneticPr fontId="3" type="noConversion"/>
  </si>
  <si>
    <t>2021-307</t>
    <phoneticPr fontId="3" type="noConversion"/>
  </si>
  <si>
    <t>2021-308</t>
    <phoneticPr fontId="3" type="noConversion"/>
  </si>
  <si>
    <t>2021-309</t>
    <phoneticPr fontId="3" type="noConversion"/>
  </si>
  <si>
    <t>2021-310</t>
    <phoneticPr fontId="3" type="noConversion"/>
  </si>
  <si>
    <t>2021-311</t>
    <phoneticPr fontId="3" type="noConversion"/>
  </si>
  <si>
    <t>2021-312</t>
    <phoneticPr fontId="3" type="noConversion"/>
  </si>
  <si>
    <t>2021-313</t>
    <phoneticPr fontId="3" type="noConversion"/>
  </si>
  <si>
    <t>2021-314</t>
    <phoneticPr fontId="3" type="noConversion"/>
  </si>
  <si>
    <t>2021-315</t>
    <phoneticPr fontId="3" type="noConversion"/>
  </si>
  <si>
    <t>Q.PEAK DUO XL-G9.3/BFG 445</t>
    <phoneticPr fontId="3" type="noConversion"/>
  </si>
  <si>
    <t>2021-316</t>
    <phoneticPr fontId="3" type="noConversion"/>
  </si>
  <si>
    <t>2021-317</t>
    <phoneticPr fontId="3" type="noConversion"/>
  </si>
  <si>
    <t>Q.PEAK DUO XL-G9.3/BFG 455</t>
    <phoneticPr fontId="3" type="noConversion"/>
  </si>
  <si>
    <t>2021-318</t>
    <phoneticPr fontId="3" type="noConversion"/>
  </si>
  <si>
    <t>2021-319</t>
    <phoneticPr fontId="3" type="noConversion"/>
  </si>
  <si>
    <t>2021-320</t>
    <phoneticPr fontId="3" type="noConversion"/>
  </si>
  <si>
    <t>2021-321</t>
    <phoneticPr fontId="3" type="noConversion"/>
  </si>
  <si>
    <t>2021-322</t>
    <phoneticPr fontId="3" type="noConversion"/>
  </si>
  <si>
    <t>Q.PEAK DUO XL-G10.3 KR1 475</t>
    <phoneticPr fontId="3" type="noConversion"/>
  </si>
  <si>
    <t>2021-323</t>
    <phoneticPr fontId="3" type="noConversion"/>
  </si>
  <si>
    <t>Q.PEAK DUO XL-G10.3 KR1 480</t>
    <phoneticPr fontId="3" type="noConversion"/>
  </si>
  <si>
    <t>2021-324</t>
    <phoneticPr fontId="3" type="noConversion"/>
  </si>
  <si>
    <t>2021-325</t>
    <phoneticPr fontId="3" type="noConversion"/>
  </si>
  <si>
    <t>2021-326</t>
    <phoneticPr fontId="3" type="noConversion"/>
  </si>
  <si>
    <t>2021-327</t>
    <phoneticPr fontId="3" type="noConversion"/>
  </si>
  <si>
    <t>2021-328</t>
    <phoneticPr fontId="3" type="noConversion"/>
  </si>
  <si>
    <t>2021-329</t>
    <phoneticPr fontId="3" type="noConversion"/>
  </si>
  <si>
    <t>2021-330</t>
    <phoneticPr fontId="3" type="noConversion"/>
  </si>
  <si>
    <t>2021-331</t>
    <phoneticPr fontId="3" type="noConversion"/>
  </si>
  <si>
    <t>2021-332</t>
    <phoneticPr fontId="3" type="noConversion"/>
  </si>
  <si>
    <t>2021-333</t>
    <phoneticPr fontId="3" type="noConversion"/>
  </si>
  <si>
    <t>2021-334</t>
    <phoneticPr fontId="3" type="noConversion"/>
  </si>
  <si>
    <t>DM430PI</t>
    <phoneticPr fontId="3" type="noConversion"/>
  </si>
  <si>
    <t>2021-335</t>
    <phoneticPr fontId="3" type="noConversion"/>
  </si>
  <si>
    <t>DM435PI</t>
    <phoneticPr fontId="3" type="noConversion"/>
  </si>
  <si>
    <t>2021-336</t>
    <phoneticPr fontId="3" type="noConversion"/>
  </si>
  <si>
    <t>DM440PI</t>
    <phoneticPr fontId="3" type="noConversion"/>
  </si>
  <si>
    <t>2021-337</t>
    <phoneticPr fontId="3" type="noConversion"/>
  </si>
  <si>
    <t>DM445PI</t>
    <phoneticPr fontId="3" type="noConversion"/>
  </si>
  <si>
    <t>2021-338</t>
    <phoneticPr fontId="3" type="noConversion"/>
  </si>
  <si>
    <t>DM450PI</t>
    <phoneticPr fontId="3" type="noConversion"/>
  </si>
  <si>
    <t>2021-339</t>
    <phoneticPr fontId="3" type="noConversion"/>
  </si>
  <si>
    <t>2021-340</t>
    <phoneticPr fontId="3" type="noConversion"/>
  </si>
  <si>
    <t>(주)이에스</t>
    <phoneticPr fontId="1" type="noConversion"/>
  </si>
  <si>
    <t>2021-341</t>
    <phoneticPr fontId="3" type="noConversion"/>
  </si>
  <si>
    <t>PVM S375P5B</t>
    <phoneticPr fontId="3" type="noConversion"/>
  </si>
  <si>
    <t>2021-342</t>
    <phoneticPr fontId="3" type="noConversion"/>
  </si>
  <si>
    <t>PVM S390P5B</t>
    <phoneticPr fontId="3" type="noConversion"/>
  </si>
  <si>
    <t>2021-343</t>
    <phoneticPr fontId="3" type="noConversion"/>
  </si>
  <si>
    <t>HS400UD-GHB</t>
    <phoneticPr fontId="3" type="noConversion"/>
  </si>
  <si>
    <t>2021-344</t>
    <phoneticPr fontId="3" type="noConversion"/>
  </si>
  <si>
    <t>HS405UD-GHB</t>
    <phoneticPr fontId="3" type="noConversion"/>
  </si>
  <si>
    <t>2021-345</t>
    <phoneticPr fontId="3" type="noConversion"/>
  </si>
  <si>
    <t>HS410UD-GHB</t>
    <phoneticPr fontId="3" type="noConversion"/>
  </si>
  <si>
    <t>2021-346</t>
    <phoneticPr fontId="3" type="noConversion"/>
  </si>
  <si>
    <t>HS425UE-WH3</t>
    <phoneticPr fontId="3" type="noConversion"/>
  </si>
  <si>
    <t>2021-347</t>
    <phoneticPr fontId="3" type="noConversion"/>
  </si>
  <si>
    <t>HS430UE-WH3</t>
    <phoneticPr fontId="3" type="noConversion"/>
  </si>
  <si>
    <t>2021-348</t>
    <phoneticPr fontId="3" type="noConversion"/>
  </si>
  <si>
    <t>HS435UE-WH3</t>
    <phoneticPr fontId="3" type="noConversion"/>
  </si>
  <si>
    <t>2021-349</t>
    <phoneticPr fontId="3" type="noConversion"/>
  </si>
  <si>
    <t>HS475WE-GHD</t>
    <phoneticPr fontId="3" type="noConversion"/>
  </si>
  <si>
    <t>2021-350</t>
    <phoneticPr fontId="3" type="noConversion"/>
  </si>
  <si>
    <t>HS480WE-GHD</t>
    <phoneticPr fontId="3" type="noConversion"/>
  </si>
  <si>
    <t>2021-351</t>
    <phoneticPr fontId="3" type="noConversion"/>
  </si>
  <si>
    <t>HS485WE-GHD</t>
    <phoneticPr fontId="3" type="noConversion"/>
  </si>
  <si>
    <t>2021-352</t>
    <phoneticPr fontId="3" type="noConversion"/>
  </si>
  <si>
    <t>HS465WE-THD</t>
    <phoneticPr fontId="3" type="noConversion"/>
  </si>
  <si>
    <t>2021-353</t>
    <phoneticPr fontId="3" type="noConversion"/>
  </si>
  <si>
    <t>HS470WE-THD</t>
    <phoneticPr fontId="3" type="noConversion"/>
  </si>
  <si>
    <t>2021-354</t>
    <phoneticPr fontId="3" type="noConversion"/>
  </si>
  <si>
    <t>HS475WE-THD</t>
    <phoneticPr fontId="3" type="noConversion"/>
  </si>
  <si>
    <t>2021-355</t>
    <phoneticPr fontId="3" type="noConversion"/>
  </si>
  <si>
    <t>HS365UC-HH2</t>
    <phoneticPr fontId="3" type="noConversion"/>
  </si>
  <si>
    <t>2021-356</t>
    <phoneticPr fontId="3" type="noConversion"/>
  </si>
  <si>
    <t>HS370UC-HH2</t>
    <phoneticPr fontId="3" type="noConversion"/>
  </si>
  <si>
    <t>2021-357</t>
    <phoneticPr fontId="3" type="noConversion"/>
  </si>
  <si>
    <t>HS375UC-HH2</t>
    <phoneticPr fontId="3" type="noConversion"/>
  </si>
  <si>
    <t>2021-358</t>
    <phoneticPr fontId="3" type="noConversion"/>
  </si>
  <si>
    <t>2021-359</t>
    <phoneticPr fontId="3" type="noConversion"/>
  </si>
  <si>
    <t>2021-360</t>
    <phoneticPr fontId="3" type="noConversion"/>
  </si>
  <si>
    <t>2021-361</t>
    <phoneticPr fontId="3" type="noConversion"/>
  </si>
  <si>
    <t>2021-362</t>
    <phoneticPr fontId="3" type="noConversion"/>
  </si>
  <si>
    <t>2021-363</t>
    <phoneticPr fontId="3" type="noConversion"/>
  </si>
  <si>
    <t>2021-364</t>
    <phoneticPr fontId="3" type="noConversion"/>
  </si>
  <si>
    <t>2021-365</t>
    <phoneticPr fontId="3" type="noConversion"/>
  </si>
  <si>
    <t>2021-366</t>
    <phoneticPr fontId="3" type="noConversion"/>
  </si>
  <si>
    <t>2021-367</t>
    <phoneticPr fontId="3" type="noConversion"/>
  </si>
  <si>
    <t>HS440UD-WH3</t>
    <phoneticPr fontId="3" type="noConversion"/>
  </si>
  <si>
    <t>2021-368</t>
    <phoneticPr fontId="3" type="noConversion"/>
  </si>
  <si>
    <t>HS445UD-AH3</t>
    <phoneticPr fontId="3" type="noConversion"/>
  </si>
  <si>
    <t>2021-369</t>
    <phoneticPr fontId="3" type="noConversion"/>
  </si>
  <si>
    <t>2021-370</t>
    <phoneticPr fontId="3" type="noConversion"/>
  </si>
  <si>
    <t>2021-371</t>
    <phoneticPr fontId="3" type="noConversion"/>
  </si>
  <si>
    <t>2021-372</t>
    <phoneticPr fontId="3" type="noConversion"/>
  </si>
  <si>
    <t>2021-373</t>
    <phoneticPr fontId="3" type="noConversion"/>
  </si>
  <si>
    <t>2021-374</t>
    <phoneticPr fontId="3" type="noConversion"/>
  </si>
  <si>
    <t>2021-375</t>
    <phoneticPr fontId="3" type="noConversion"/>
  </si>
  <si>
    <t>2021-376</t>
    <phoneticPr fontId="3" type="noConversion"/>
  </si>
  <si>
    <t>2021-377</t>
    <phoneticPr fontId="3" type="noConversion"/>
  </si>
  <si>
    <t>2021-378</t>
    <phoneticPr fontId="3" type="noConversion"/>
  </si>
  <si>
    <t>2021-379</t>
    <phoneticPr fontId="3" type="noConversion"/>
  </si>
  <si>
    <t>2021-380</t>
    <phoneticPr fontId="3" type="noConversion"/>
  </si>
  <si>
    <t>2021-381</t>
    <phoneticPr fontId="3" type="noConversion"/>
  </si>
  <si>
    <t>HiS-S450YI-EN</t>
    <phoneticPr fontId="3" type="noConversion"/>
  </si>
  <si>
    <t>2021-382</t>
    <phoneticPr fontId="3" type="noConversion"/>
  </si>
  <si>
    <t>HiS-S445YI-EN</t>
    <phoneticPr fontId="3" type="noConversion"/>
  </si>
  <si>
    <t>2021-383</t>
    <phoneticPr fontId="3" type="noConversion"/>
  </si>
  <si>
    <t>HiS-S440YI-EN</t>
    <phoneticPr fontId="3" type="noConversion"/>
  </si>
  <si>
    <t>2021-384</t>
    <phoneticPr fontId="3" type="noConversion"/>
  </si>
  <si>
    <t>HiS-S435YI-EN</t>
    <phoneticPr fontId="3" type="noConversion"/>
  </si>
  <si>
    <t>2021-385</t>
    <phoneticPr fontId="3" type="noConversion"/>
  </si>
  <si>
    <t>HiS-S430YI-EN</t>
    <phoneticPr fontId="3" type="noConversion"/>
  </si>
  <si>
    <t>2021-386</t>
    <phoneticPr fontId="3" type="noConversion"/>
  </si>
  <si>
    <t>HiS-S425YI-EN</t>
    <phoneticPr fontId="3" type="noConversion"/>
  </si>
  <si>
    <t>2021-387</t>
    <phoneticPr fontId="3" type="noConversion"/>
  </si>
  <si>
    <t>2021-388</t>
    <phoneticPr fontId="3" type="noConversion"/>
  </si>
  <si>
    <t>2021-389</t>
    <phoneticPr fontId="3" type="noConversion"/>
  </si>
  <si>
    <t>2021-390</t>
    <phoneticPr fontId="3" type="noConversion"/>
  </si>
  <si>
    <t>2021-391</t>
    <phoneticPr fontId="3" type="noConversion"/>
  </si>
  <si>
    <t>2021-392</t>
    <phoneticPr fontId="3" type="noConversion"/>
  </si>
  <si>
    <t>2021-393</t>
    <phoneticPr fontId="3" type="noConversion"/>
  </si>
  <si>
    <t>2021-394</t>
    <phoneticPr fontId="3" type="noConversion"/>
  </si>
  <si>
    <t>2021-395</t>
    <phoneticPr fontId="3" type="noConversion"/>
  </si>
  <si>
    <t>2021-396</t>
    <phoneticPr fontId="3" type="noConversion"/>
  </si>
  <si>
    <t>2021-397</t>
    <phoneticPr fontId="3" type="noConversion"/>
  </si>
  <si>
    <t>2021-398</t>
    <phoneticPr fontId="3" type="noConversion"/>
  </si>
  <si>
    <t>2021-399</t>
    <phoneticPr fontId="3" type="noConversion"/>
  </si>
  <si>
    <t>2021-400</t>
    <phoneticPr fontId="3" type="noConversion"/>
  </si>
  <si>
    <t>HiS-S425YI-ON</t>
    <phoneticPr fontId="3" type="noConversion"/>
  </si>
  <si>
    <t>2021-401</t>
    <phoneticPr fontId="3" type="noConversion"/>
  </si>
  <si>
    <t>HiS-S430YI-ON</t>
    <phoneticPr fontId="3" type="noConversion"/>
  </si>
  <si>
    <t>2021-402</t>
    <phoneticPr fontId="3" type="noConversion"/>
  </si>
  <si>
    <t>HiS-S435YI-ON</t>
    <phoneticPr fontId="3" type="noConversion"/>
  </si>
  <si>
    <t>2021-403</t>
    <phoneticPr fontId="3" type="noConversion"/>
  </si>
  <si>
    <t>HiS-S440YI-ON</t>
    <phoneticPr fontId="3" type="noConversion"/>
  </si>
  <si>
    <t>2021-404</t>
    <phoneticPr fontId="3" type="noConversion"/>
  </si>
  <si>
    <t>HiS-S445YI-ON</t>
    <phoneticPr fontId="3" type="noConversion"/>
  </si>
  <si>
    <t>2021-405</t>
    <phoneticPr fontId="3" type="noConversion"/>
  </si>
  <si>
    <t>HiS-S450YI-ON</t>
    <phoneticPr fontId="3" type="noConversion"/>
  </si>
  <si>
    <t>2021-406</t>
    <phoneticPr fontId="3" type="noConversion"/>
  </si>
  <si>
    <t>2021-407</t>
    <phoneticPr fontId="3" type="noConversion"/>
  </si>
  <si>
    <t>2021-408</t>
    <phoneticPr fontId="3" type="noConversion"/>
  </si>
  <si>
    <t>2021-409</t>
    <phoneticPr fontId="3" type="noConversion"/>
  </si>
  <si>
    <t>2021-410</t>
    <phoneticPr fontId="3" type="noConversion"/>
  </si>
  <si>
    <t>2021-411</t>
    <phoneticPr fontId="3" type="noConversion"/>
  </si>
  <si>
    <t>2021-412</t>
    <phoneticPr fontId="3" type="noConversion"/>
  </si>
  <si>
    <t>2021-413</t>
    <phoneticPr fontId="3" type="noConversion"/>
  </si>
  <si>
    <t>2021-414</t>
    <phoneticPr fontId="3" type="noConversion"/>
  </si>
  <si>
    <t>2021-415</t>
    <phoneticPr fontId="3" type="noConversion"/>
  </si>
  <si>
    <t>2021-416</t>
    <phoneticPr fontId="3" type="noConversion"/>
  </si>
  <si>
    <t>2021-417</t>
    <phoneticPr fontId="3" type="noConversion"/>
  </si>
  <si>
    <t>2021-418</t>
    <phoneticPr fontId="3" type="noConversion"/>
  </si>
  <si>
    <t>2021-419</t>
    <phoneticPr fontId="3" type="noConversion"/>
  </si>
  <si>
    <t>2021-420</t>
    <phoneticPr fontId="3" type="noConversion"/>
  </si>
  <si>
    <t>2021-421</t>
    <phoneticPr fontId="3" type="noConversion"/>
  </si>
  <si>
    <t>2021-422</t>
    <phoneticPr fontId="3" type="noConversion"/>
  </si>
  <si>
    <t>2021-423</t>
    <phoneticPr fontId="3" type="noConversion"/>
  </si>
  <si>
    <t>2021-424</t>
    <phoneticPr fontId="3" type="noConversion"/>
  </si>
  <si>
    <t>SS-DM455PJ</t>
    <phoneticPr fontId="3" type="noConversion"/>
  </si>
  <si>
    <t>2021-425</t>
    <phoneticPr fontId="3" type="noConversion"/>
  </si>
  <si>
    <t>SS-DM460PJ</t>
    <phoneticPr fontId="3" type="noConversion"/>
  </si>
  <si>
    <t>2021-426</t>
    <phoneticPr fontId="3" type="noConversion"/>
  </si>
  <si>
    <t>2021-427</t>
    <phoneticPr fontId="3" type="noConversion"/>
  </si>
  <si>
    <t>2021-428</t>
    <phoneticPr fontId="3" type="noConversion"/>
  </si>
  <si>
    <t>2021-429</t>
    <phoneticPr fontId="3" type="noConversion"/>
  </si>
  <si>
    <t>(주)에스디피브이</t>
    <phoneticPr fontId="1" type="noConversion"/>
  </si>
  <si>
    <t>SPM450-HBB-A1</t>
    <phoneticPr fontId="3" type="noConversion"/>
  </si>
  <si>
    <t>2021-430</t>
    <phoneticPr fontId="3" type="noConversion"/>
  </si>
  <si>
    <t>SPM445-HBB-A1</t>
    <phoneticPr fontId="3" type="noConversion"/>
  </si>
  <si>
    <t>2021-431</t>
    <phoneticPr fontId="3" type="noConversion"/>
  </si>
  <si>
    <t>SPM440-HBB-A1</t>
    <phoneticPr fontId="3" type="noConversion"/>
  </si>
  <si>
    <t>2021-432</t>
    <phoneticPr fontId="3" type="noConversion"/>
  </si>
  <si>
    <t>2021-433</t>
    <phoneticPr fontId="3" type="noConversion"/>
  </si>
  <si>
    <t>2021-434</t>
    <phoneticPr fontId="3" type="noConversion"/>
  </si>
  <si>
    <t>2021-437</t>
    <phoneticPr fontId="3" type="noConversion"/>
  </si>
  <si>
    <t>2021-438</t>
    <phoneticPr fontId="3" type="noConversion"/>
  </si>
  <si>
    <t>2021-439</t>
    <phoneticPr fontId="3" type="noConversion"/>
  </si>
  <si>
    <t>2021-440</t>
    <phoneticPr fontId="3" type="noConversion"/>
  </si>
  <si>
    <t>2021-441</t>
    <phoneticPr fontId="3" type="noConversion"/>
  </si>
  <si>
    <t>2021-442</t>
    <phoneticPr fontId="3" type="noConversion"/>
  </si>
  <si>
    <t>2021-443</t>
    <phoneticPr fontId="3" type="noConversion"/>
  </si>
  <si>
    <t>Q.PEAK DUO XL-G9.3 KR1 465</t>
    <phoneticPr fontId="3" type="noConversion"/>
  </si>
  <si>
    <t>2021-444</t>
    <phoneticPr fontId="3" type="noConversion"/>
  </si>
  <si>
    <t>2021-445</t>
    <phoneticPr fontId="3" type="noConversion"/>
  </si>
  <si>
    <t>Q.PEAK DUO XL-G9.3/BFG 460</t>
    <phoneticPr fontId="3" type="noConversion"/>
  </si>
  <si>
    <t>2021-446</t>
    <phoneticPr fontId="3" type="noConversion"/>
  </si>
  <si>
    <t>2021-447</t>
    <phoneticPr fontId="3" type="noConversion"/>
  </si>
  <si>
    <t>2021-448</t>
    <phoneticPr fontId="3" type="noConversion"/>
  </si>
  <si>
    <t>2021-449</t>
    <phoneticPr fontId="3" type="noConversion"/>
  </si>
  <si>
    <t>Q.PEAK DUO L-G6.4 KR2 435</t>
    <phoneticPr fontId="3" type="noConversion"/>
  </si>
  <si>
    <t>2021-450</t>
    <phoneticPr fontId="3" type="noConversion"/>
  </si>
  <si>
    <t>TOP CLASS 550I</t>
    <phoneticPr fontId="3" type="noConversion"/>
  </si>
  <si>
    <t>2021-451</t>
    <phoneticPr fontId="3" type="noConversion"/>
  </si>
  <si>
    <t>2021-452</t>
    <phoneticPr fontId="3" type="noConversion"/>
  </si>
  <si>
    <t>2021-453</t>
    <phoneticPr fontId="3" type="noConversion"/>
  </si>
  <si>
    <t>2021-454</t>
    <phoneticPr fontId="3" type="noConversion"/>
  </si>
  <si>
    <t>2021-455</t>
    <phoneticPr fontId="3" type="noConversion"/>
  </si>
  <si>
    <t>2021-456</t>
    <phoneticPr fontId="3" type="noConversion"/>
  </si>
  <si>
    <t>2021-457</t>
    <phoneticPr fontId="3" type="noConversion"/>
  </si>
  <si>
    <t>2021-458</t>
    <phoneticPr fontId="3" type="noConversion"/>
  </si>
  <si>
    <t>2021-459</t>
    <phoneticPr fontId="3" type="noConversion"/>
  </si>
  <si>
    <t>2021-460</t>
    <phoneticPr fontId="3" type="noConversion"/>
  </si>
  <si>
    <t>2021-461</t>
    <phoneticPr fontId="3" type="noConversion"/>
  </si>
  <si>
    <t>2021-462</t>
    <phoneticPr fontId="3" type="noConversion"/>
  </si>
  <si>
    <t>2021-463</t>
    <phoneticPr fontId="3" type="noConversion"/>
  </si>
  <si>
    <t>2021-464</t>
    <phoneticPr fontId="3" type="noConversion"/>
  </si>
  <si>
    <t>2021-465</t>
    <phoneticPr fontId="3" type="noConversion"/>
  </si>
  <si>
    <t>2021-466</t>
    <phoneticPr fontId="3" type="noConversion"/>
  </si>
  <si>
    <t>2021-467</t>
    <phoneticPr fontId="3" type="noConversion"/>
  </si>
  <si>
    <t>2021-468</t>
    <phoneticPr fontId="3" type="noConversion"/>
  </si>
  <si>
    <t>2021-469</t>
    <phoneticPr fontId="3" type="noConversion"/>
  </si>
  <si>
    <t>2021-470</t>
    <phoneticPr fontId="3" type="noConversion"/>
  </si>
  <si>
    <t>2021-471</t>
    <phoneticPr fontId="3" type="noConversion"/>
  </si>
  <si>
    <t>2021-472</t>
    <phoneticPr fontId="3" type="noConversion"/>
  </si>
  <si>
    <t>2021-473</t>
    <phoneticPr fontId="3" type="noConversion"/>
  </si>
  <si>
    <t>2021-474</t>
    <phoneticPr fontId="3" type="noConversion"/>
  </si>
  <si>
    <t>2021-475</t>
    <phoneticPr fontId="3" type="noConversion"/>
  </si>
  <si>
    <t>2021-476</t>
    <phoneticPr fontId="3" type="noConversion"/>
  </si>
  <si>
    <t>2021-477</t>
    <phoneticPr fontId="3" type="noConversion"/>
  </si>
  <si>
    <t>2021-478</t>
    <phoneticPr fontId="3" type="noConversion"/>
  </si>
  <si>
    <t>2021-479</t>
    <phoneticPr fontId="3" type="noConversion"/>
  </si>
  <si>
    <t>2021-480</t>
    <phoneticPr fontId="3" type="noConversion"/>
  </si>
  <si>
    <t>2021-481</t>
    <phoneticPr fontId="3" type="noConversion"/>
  </si>
  <si>
    <t>HiS-S425ZI-ON</t>
    <phoneticPr fontId="3" type="noConversion"/>
  </si>
  <si>
    <t>2021-482</t>
    <phoneticPr fontId="3" type="noConversion"/>
  </si>
  <si>
    <t>HiS-S430ZI-ON</t>
    <phoneticPr fontId="3" type="noConversion"/>
  </si>
  <si>
    <t>2021-483</t>
    <phoneticPr fontId="3" type="noConversion"/>
  </si>
  <si>
    <t>HiS-S435ZI-ON</t>
    <phoneticPr fontId="3" type="noConversion"/>
  </si>
  <si>
    <t>2021-484</t>
    <phoneticPr fontId="3" type="noConversion"/>
  </si>
  <si>
    <t>HiS-S440ZI-ON</t>
    <phoneticPr fontId="3" type="noConversion"/>
  </si>
  <si>
    <t>2021-485</t>
    <phoneticPr fontId="3" type="noConversion"/>
  </si>
  <si>
    <t>HiS-S445ZI-ON</t>
    <phoneticPr fontId="3" type="noConversion"/>
  </si>
  <si>
    <t>2021-486</t>
    <phoneticPr fontId="3" type="noConversion"/>
  </si>
  <si>
    <t>HiS-S450ZI-ON</t>
    <phoneticPr fontId="3" type="noConversion"/>
  </si>
  <si>
    <t>2021-487</t>
    <phoneticPr fontId="3" type="noConversion"/>
  </si>
  <si>
    <t>2021-488</t>
    <phoneticPr fontId="3" type="noConversion"/>
  </si>
  <si>
    <t>2021-489</t>
    <phoneticPr fontId="3" type="noConversion"/>
  </si>
  <si>
    <t>2021-490</t>
    <phoneticPr fontId="3" type="noConversion"/>
  </si>
  <si>
    <t>2021-491</t>
    <phoneticPr fontId="3" type="noConversion"/>
  </si>
  <si>
    <t>2021-492</t>
    <phoneticPr fontId="3" type="noConversion"/>
  </si>
  <si>
    <t>2021-493</t>
    <phoneticPr fontId="3" type="noConversion"/>
  </si>
  <si>
    <t>2021-494</t>
    <phoneticPr fontId="3" type="noConversion"/>
  </si>
  <si>
    <t>2021-495</t>
    <phoneticPr fontId="3" type="noConversion"/>
  </si>
  <si>
    <t>2021-496</t>
    <phoneticPr fontId="3" type="noConversion"/>
  </si>
  <si>
    <t>2021-497</t>
    <phoneticPr fontId="3" type="noConversion"/>
  </si>
  <si>
    <t>2021-498</t>
    <phoneticPr fontId="3" type="noConversion"/>
  </si>
  <si>
    <t>2021-499</t>
    <phoneticPr fontId="3" type="noConversion"/>
  </si>
  <si>
    <t>HiS-S425ZI-EN</t>
    <phoneticPr fontId="3" type="noConversion"/>
  </si>
  <si>
    <t>2021-500</t>
    <phoneticPr fontId="3" type="noConversion"/>
  </si>
  <si>
    <t>HiS-S430ZI-EN</t>
    <phoneticPr fontId="3" type="noConversion"/>
  </si>
  <si>
    <t>2021-501</t>
    <phoneticPr fontId="3" type="noConversion"/>
  </si>
  <si>
    <t>HiS-S435ZI-EN</t>
    <phoneticPr fontId="3" type="noConversion"/>
  </si>
  <si>
    <t>2021-502</t>
    <phoneticPr fontId="3" type="noConversion"/>
  </si>
  <si>
    <t>HiS-S440ZI-EN</t>
    <phoneticPr fontId="3" type="noConversion"/>
  </si>
  <si>
    <t>2021-503</t>
    <phoneticPr fontId="3" type="noConversion"/>
  </si>
  <si>
    <t>HiS-S445ZI-EN</t>
    <phoneticPr fontId="3" type="noConversion"/>
  </si>
  <si>
    <t>2021-504</t>
    <phoneticPr fontId="3" type="noConversion"/>
  </si>
  <si>
    <t>HiS-S450ZI-EN</t>
    <phoneticPr fontId="3" type="noConversion"/>
  </si>
  <si>
    <t>2021-505</t>
    <phoneticPr fontId="3" type="noConversion"/>
  </si>
  <si>
    <t>2021-506</t>
    <phoneticPr fontId="3" type="noConversion"/>
  </si>
  <si>
    <t>2021-507</t>
    <phoneticPr fontId="3" type="noConversion"/>
  </si>
  <si>
    <t>2021-508</t>
    <phoneticPr fontId="3" type="noConversion"/>
  </si>
  <si>
    <t>2021-509</t>
    <phoneticPr fontId="3" type="noConversion"/>
  </si>
  <si>
    <t>2021-510</t>
    <phoneticPr fontId="3" type="noConversion"/>
  </si>
  <si>
    <t>2021-511</t>
    <phoneticPr fontId="3" type="noConversion"/>
  </si>
  <si>
    <t>2021-512</t>
    <phoneticPr fontId="3" type="noConversion"/>
  </si>
  <si>
    <t>2021-513</t>
    <phoneticPr fontId="3" type="noConversion"/>
  </si>
  <si>
    <t>2021-514</t>
    <phoneticPr fontId="3" type="noConversion"/>
  </si>
  <si>
    <t>2021-515</t>
    <phoneticPr fontId="3" type="noConversion"/>
  </si>
  <si>
    <t>2021-516</t>
    <phoneticPr fontId="3" type="noConversion"/>
  </si>
  <si>
    <t>2021-517</t>
    <phoneticPr fontId="3" type="noConversion"/>
  </si>
  <si>
    <t>2021-518</t>
    <phoneticPr fontId="3" type="noConversion"/>
  </si>
  <si>
    <t>2021-519</t>
    <phoneticPr fontId="3" type="noConversion"/>
  </si>
  <si>
    <t>2021-520</t>
    <phoneticPr fontId="3" type="noConversion"/>
  </si>
  <si>
    <t>2021-521</t>
    <phoneticPr fontId="3" type="noConversion"/>
  </si>
  <si>
    <t>2021-522</t>
    <phoneticPr fontId="3" type="noConversion"/>
  </si>
  <si>
    <t>2021-523</t>
    <phoneticPr fontId="3" type="noConversion"/>
  </si>
  <si>
    <t>2021-524</t>
    <phoneticPr fontId="3" type="noConversion"/>
  </si>
  <si>
    <t>2021-525</t>
    <phoneticPr fontId="3" type="noConversion"/>
  </si>
  <si>
    <t>2021-526</t>
    <phoneticPr fontId="3" type="noConversion"/>
  </si>
  <si>
    <t>2021-527</t>
    <phoneticPr fontId="3" type="noConversion"/>
  </si>
  <si>
    <t>2021-528</t>
    <phoneticPr fontId="3" type="noConversion"/>
  </si>
  <si>
    <t>2021-529</t>
    <phoneticPr fontId="3" type="noConversion"/>
  </si>
  <si>
    <t>2021-530</t>
    <phoneticPr fontId="3" type="noConversion"/>
  </si>
  <si>
    <t>2021-531</t>
    <phoneticPr fontId="3" type="noConversion"/>
  </si>
  <si>
    <t>2021-532</t>
    <phoneticPr fontId="3" type="noConversion"/>
  </si>
  <si>
    <t>2021-533</t>
    <phoneticPr fontId="3" type="noConversion"/>
  </si>
  <si>
    <t>2021-534</t>
    <phoneticPr fontId="3" type="noConversion"/>
  </si>
  <si>
    <t>2021-535</t>
    <phoneticPr fontId="3" type="noConversion"/>
  </si>
  <si>
    <t>2021-536</t>
    <phoneticPr fontId="3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color theme="1"/>
      <name val="맑은 고딕"/>
      <family val="2"/>
      <charset val="129"/>
      <scheme val="minor"/>
    </font>
    <font>
      <sz val="8"/>
      <name val="맑은 고딕"/>
      <family val="2"/>
      <charset val="129"/>
      <scheme val="minor"/>
    </font>
    <font>
      <b/>
      <sz val="11"/>
      <color theme="1"/>
      <name val="맑은 고딕"/>
      <family val="3"/>
      <charset val="129"/>
      <scheme val="minor"/>
    </font>
    <font>
      <sz val="8"/>
      <name val="맑은 고딕"/>
      <family val="3"/>
      <charset val="129"/>
    </font>
    <font>
      <sz val="11"/>
      <color theme="1"/>
      <name val="맑은 고딕"/>
      <family val="3"/>
      <charset val="129"/>
      <scheme val="minor"/>
    </font>
    <font>
      <sz val="11"/>
      <name val="맑은 고딕"/>
      <family val="3"/>
      <charset val="129"/>
      <scheme val="minor"/>
    </font>
    <font>
      <sz val="11"/>
      <color rgb="FF000000"/>
      <name val="맑은 고딕"/>
      <family val="3"/>
      <charset val="129"/>
      <scheme val="minor"/>
    </font>
    <font>
      <sz val="11"/>
      <name val="맑은 고딕"/>
      <family val="3"/>
      <charset val="129"/>
      <scheme val="major"/>
    </font>
    <font>
      <sz val="16"/>
      <color rgb="FF0070C0"/>
      <name val="HY헤드라인M"/>
      <family val="1"/>
      <charset val="129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8" tint="0.59999389629810485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5" fillId="2" borderId="1" xfId="0" applyFont="1" applyFill="1" applyBorder="1" applyAlignment="1" applyProtection="1">
      <alignment horizontal="center" vertical="center"/>
      <protection locked="0"/>
    </xf>
    <xf numFmtId="0" fontId="4" fillId="2" borderId="1" xfId="0" applyFont="1" applyFill="1" applyBorder="1" applyAlignment="1">
      <alignment horizontal="center" vertical="center"/>
    </xf>
    <xf numFmtId="0" fontId="4" fillId="2" borderId="1" xfId="0" applyFont="1" applyFill="1" applyBorder="1" applyAlignment="1">
      <alignment horizontal="center"/>
    </xf>
    <xf numFmtId="2" fontId="6" fillId="2" borderId="1" xfId="0" applyNumberFormat="1" applyFont="1" applyFill="1" applyBorder="1" applyAlignment="1">
      <alignment horizontal="center" vertical="center" wrapText="1"/>
    </xf>
    <xf numFmtId="2" fontId="0" fillId="0" borderId="0" xfId="0" applyNumberFormat="1">
      <alignment vertical="center"/>
    </xf>
    <xf numFmtId="0" fontId="2" fillId="3" borderId="1" xfId="0" applyFont="1" applyFill="1" applyBorder="1" applyAlignment="1">
      <alignment horizontal="center" vertical="center"/>
    </xf>
    <xf numFmtId="0" fontId="2" fillId="3" borderId="1" xfId="0" applyFont="1" applyFill="1" applyBorder="1" applyAlignment="1">
      <alignment horizontal="center" vertical="center" wrapText="1"/>
    </xf>
    <xf numFmtId="2" fontId="2" fillId="3" borderId="1" xfId="0" applyNumberFormat="1" applyFont="1" applyFill="1" applyBorder="1" applyAlignment="1">
      <alignment horizontal="center" vertical="center" wrapText="1"/>
    </xf>
    <xf numFmtId="0" fontId="0" fillId="0" borderId="1" xfId="0" applyFont="1" applyBorder="1" applyAlignment="1">
      <alignment horizontal="center" vertical="center"/>
    </xf>
    <xf numFmtId="0" fontId="0" fillId="0" borderId="0" xfId="0" applyFont="1">
      <alignment vertical="center"/>
    </xf>
    <xf numFmtId="2" fontId="0" fillId="0" borderId="0" xfId="0" applyNumberFormat="1" applyFont="1">
      <alignment vertical="center"/>
    </xf>
    <xf numFmtId="0" fontId="0" fillId="3" borderId="1" xfId="0" applyFont="1" applyFill="1" applyBorder="1" applyAlignment="1">
      <alignment horizontal="center" vertical="center"/>
    </xf>
    <xf numFmtId="0" fontId="0" fillId="2" borderId="1" xfId="0" applyFont="1" applyFill="1" applyBorder="1" applyAlignment="1">
      <alignment horizontal="center" vertical="center"/>
    </xf>
    <xf numFmtId="14" fontId="0" fillId="0" borderId="1" xfId="0" applyNumberFormat="1" applyFont="1" applyBorder="1" applyAlignment="1">
      <alignment horizontal="center" vertical="center"/>
    </xf>
    <xf numFmtId="0" fontId="0" fillId="0" borderId="1" xfId="0" applyFont="1" applyBorder="1">
      <alignment vertical="center"/>
    </xf>
    <xf numFmtId="0" fontId="7" fillId="2" borderId="1" xfId="0" applyFont="1" applyFill="1" applyBorder="1" applyAlignment="1">
      <alignment horizontal="center" vertical="center"/>
    </xf>
    <xf numFmtId="0" fontId="7" fillId="2" borderId="1" xfId="0" applyFont="1" applyFill="1" applyBorder="1" applyAlignment="1" applyProtection="1">
      <alignment horizontal="center" vertical="center"/>
      <protection locked="0"/>
    </xf>
    <xf numFmtId="0" fontId="7" fillId="0" borderId="1" xfId="0" applyFont="1" applyBorder="1" applyAlignment="1">
      <alignment horizontal="center" vertical="center"/>
    </xf>
    <xf numFmtId="2" fontId="7" fillId="0" borderId="1" xfId="0" applyNumberFormat="1" applyFont="1" applyBorder="1" applyAlignment="1">
      <alignment horizontal="center" vertical="center"/>
    </xf>
    <xf numFmtId="14" fontId="7" fillId="0" borderId="1" xfId="0" applyNumberFormat="1" applyFont="1" applyBorder="1" applyAlignment="1">
      <alignment horizontal="center" vertical="center"/>
    </xf>
    <xf numFmtId="14" fontId="5" fillId="0" borderId="1" xfId="0" applyNumberFormat="1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</cellXfs>
  <cellStyles count="1">
    <cellStyle name="표준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테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552"/>
  <sheetViews>
    <sheetView tabSelected="1" zoomScale="85" zoomScaleNormal="85" workbookViewId="0">
      <pane ySplit="3" topLeftCell="A4" activePane="bottomLeft" state="frozen"/>
      <selection pane="bottomLeft" sqref="A1:K1"/>
    </sheetView>
  </sheetViews>
  <sheetFormatPr defaultRowHeight="16.5" x14ac:dyDescent="0.3"/>
  <cols>
    <col min="1" max="1" width="5.25" customWidth="1"/>
    <col min="2" max="2" width="16.125" bestFit="1" customWidth="1"/>
    <col min="3" max="3" width="25.5" bestFit="1" customWidth="1"/>
    <col min="4" max="4" width="20.125" bestFit="1" customWidth="1"/>
    <col min="5" max="5" width="36" bestFit="1" customWidth="1"/>
    <col min="6" max="6" width="47.5" bestFit="1" customWidth="1"/>
    <col min="7" max="7" width="8.625" bestFit="1" customWidth="1"/>
    <col min="8" max="8" width="12.625" style="5" bestFit="1" customWidth="1"/>
    <col min="9" max="9" width="13" bestFit="1" customWidth="1"/>
    <col min="10" max="10" width="18" bestFit="1" customWidth="1"/>
    <col min="11" max="11" width="18" customWidth="1"/>
    <col min="12" max="12" width="34.375" bestFit="1" customWidth="1"/>
  </cols>
  <sheetData>
    <row r="1" spans="1:12" ht="30" customHeight="1" x14ac:dyDescent="0.3">
      <c r="A1" s="22" t="s">
        <v>643</v>
      </c>
      <c r="B1" s="23"/>
      <c r="C1" s="23"/>
      <c r="D1" s="23"/>
      <c r="E1" s="23"/>
      <c r="F1" s="23"/>
      <c r="G1" s="23"/>
      <c r="H1" s="23"/>
      <c r="I1" s="23"/>
      <c r="J1" s="23"/>
      <c r="K1" s="23"/>
      <c r="L1" s="10"/>
    </row>
    <row r="2" spans="1:12" x14ac:dyDescent="0.3">
      <c r="A2" s="10"/>
      <c r="B2" s="10"/>
      <c r="C2" s="10"/>
      <c r="D2" s="10"/>
      <c r="E2" s="10"/>
      <c r="F2" s="10"/>
      <c r="G2" s="10"/>
      <c r="H2" s="11"/>
      <c r="I2" s="10"/>
      <c r="J2" s="10"/>
      <c r="K2" s="10"/>
      <c r="L2" s="10" t="s">
        <v>87</v>
      </c>
    </row>
    <row r="3" spans="1:12" ht="36" customHeight="1" x14ac:dyDescent="0.3">
      <c r="A3" s="6" t="s">
        <v>0</v>
      </c>
      <c r="B3" s="7" t="s">
        <v>55</v>
      </c>
      <c r="C3" s="6" t="s">
        <v>52</v>
      </c>
      <c r="D3" s="6" t="s">
        <v>50</v>
      </c>
      <c r="E3" s="6" t="s">
        <v>1</v>
      </c>
      <c r="F3" s="6" t="s">
        <v>2</v>
      </c>
      <c r="G3" s="6" t="s">
        <v>49</v>
      </c>
      <c r="H3" s="8" t="s">
        <v>60</v>
      </c>
      <c r="I3" s="6" t="s">
        <v>3</v>
      </c>
      <c r="J3" s="6" t="s">
        <v>79</v>
      </c>
      <c r="K3" s="6" t="s">
        <v>115</v>
      </c>
      <c r="L3" s="12" t="s">
        <v>86</v>
      </c>
    </row>
    <row r="4" spans="1:12" x14ac:dyDescent="0.3">
      <c r="A4" s="2">
        <v>1</v>
      </c>
      <c r="B4" s="3" t="s">
        <v>4</v>
      </c>
      <c r="C4" s="13" t="s">
        <v>62</v>
      </c>
      <c r="D4" s="1" t="s">
        <v>51</v>
      </c>
      <c r="E4" s="1" t="s">
        <v>9</v>
      </c>
      <c r="F4" s="1" t="s">
        <v>159</v>
      </c>
      <c r="G4" s="2" t="str">
        <f t="shared" ref="G4:G35" si="0">RIGHT(E4,3)</f>
        <v>440</v>
      </c>
      <c r="H4" s="4">
        <v>659.88</v>
      </c>
      <c r="I4" s="2" t="s">
        <v>45</v>
      </c>
      <c r="J4" s="14">
        <v>44090</v>
      </c>
      <c r="K4" s="14">
        <v>45184</v>
      </c>
      <c r="L4" s="15" t="s">
        <v>80</v>
      </c>
    </row>
    <row r="5" spans="1:12" x14ac:dyDescent="0.3">
      <c r="A5" s="2">
        <v>2</v>
      </c>
      <c r="B5" s="3" t="s">
        <v>5</v>
      </c>
      <c r="C5" s="13" t="s">
        <v>62</v>
      </c>
      <c r="D5" s="1" t="s">
        <v>51</v>
      </c>
      <c r="E5" s="1" t="s">
        <v>9</v>
      </c>
      <c r="F5" s="1" t="s">
        <v>160</v>
      </c>
      <c r="G5" s="2" t="str">
        <f t="shared" si="0"/>
        <v>440</v>
      </c>
      <c r="H5" s="4">
        <v>678.24</v>
      </c>
      <c r="I5" s="2" t="s">
        <v>45</v>
      </c>
      <c r="J5" s="14">
        <v>44090</v>
      </c>
      <c r="K5" s="14">
        <v>45184</v>
      </c>
      <c r="L5" s="15"/>
    </row>
    <row r="6" spans="1:12" x14ac:dyDescent="0.3">
      <c r="A6" s="2">
        <v>3</v>
      </c>
      <c r="B6" s="3" t="s">
        <v>644</v>
      </c>
      <c r="C6" s="13" t="s">
        <v>62</v>
      </c>
      <c r="D6" s="1" t="s">
        <v>51</v>
      </c>
      <c r="E6" s="1" t="s">
        <v>9</v>
      </c>
      <c r="F6" s="1" t="s">
        <v>161</v>
      </c>
      <c r="G6" s="2" t="str">
        <f t="shared" si="0"/>
        <v>440</v>
      </c>
      <c r="H6" s="4">
        <v>748.37</v>
      </c>
      <c r="I6" s="2" t="s">
        <v>45</v>
      </c>
      <c r="J6" s="14">
        <v>44090</v>
      </c>
      <c r="K6" s="14">
        <v>45184</v>
      </c>
      <c r="L6" s="15"/>
    </row>
    <row r="7" spans="1:12" x14ac:dyDescent="0.3">
      <c r="A7" s="2">
        <v>4</v>
      </c>
      <c r="B7" s="3" t="s">
        <v>645</v>
      </c>
      <c r="C7" s="13" t="s">
        <v>62</v>
      </c>
      <c r="D7" s="1" t="s">
        <v>51</v>
      </c>
      <c r="E7" s="1" t="s">
        <v>10</v>
      </c>
      <c r="F7" s="1" t="s">
        <v>162</v>
      </c>
      <c r="G7" s="2" t="str">
        <f t="shared" si="0"/>
        <v>445</v>
      </c>
      <c r="H7" s="4">
        <v>652.46</v>
      </c>
      <c r="I7" s="2" t="s">
        <v>45</v>
      </c>
      <c r="J7" s="14">
        <v>44090</v>
      </c>
      <c r="K7" s="14">
        <v>45184</v>
      </c>
      <c r="L7" s="15"/>
    </row>
    <row r="8" spans="1:12" x14ac:dyDescent="0.3">
      <c r="A8" s="2">
        <v>5</v>
      </c>
      <c r="B8" s="3" t="s">
        <v>646</v>
      </c>
      <c r="C8" s="13" t="s">
        <v>62</v>
      </c>
      <c r="D8" s="1" t="s">
        <v>51</v>
      </c>
      <c r="E8" s="1" t="s">
        <v>10</v>
      </c>
      <c r="F8" s="1" t="s">
        <v>163</v>
      </c>
      <c r="G8" s="2" t="str">
        <f t="shared" si="0"/>
        <v>445</v>
      </c>
      <c r="H8" s="4">
        <v>670.62</v>
      </c>
      <c r="I8" s="2" t="s">
        <v>45</v>
      </c>
      <c r="J8" s="14">
        <v>44090</v>
      </c>
      <c r="K8" s="14">
        <v>45184</v>
      </c>
      <c r="L8" s="15"/>
    </row>
    <row r="9" spans="1:12" x14ac:dyDescent="0.3">
      <c r="A9" s="2">
        <v>6</v>
      </c>
      <c r="B9" s="3" t="s">
        <v>647</v>
      </c>
      <c r="C9" s="13" t="s">
        <v>62</v>
      </c>
      <c r="D9" s="1" t="s">
        <v>51</v>
      </c>
      <c r="E9" s="1" t="s">
        <v>10</v>
      </c>
      <c r="F9" s="1" t="s">
        <v>164</v>
      </c>
      <c r="G9" s="2" t="str">
        <f t="shared" si="0"/>
        <v>445</v>
      </c>
      <c r="H9" s="4">
        <v>739.96</v>
      </c>
      <c r="I9" s="2" t="s">
        <v>45</v>
      </c>
      <c r="J9" s="14">
        <v>44090</v>
      </c>
      <c r="K9" s="14">
        <v>45184</v>
      </c>
      <c r="L9" s="15"/>
    </row>
    <row r="10" spans="1:12" x14ac:dyDescent="0.3">
      <c r="A10" s="2">
        <v>7</v>
      </c>
      <c r="B10" s="3" t="s">
        <v>648</v>
      </c>
      <c r="C10" s="13" t="s">
        <v>62</v>
      </c>
      <c r="D10" s="1" t="s">
        <v>51</v>
      </c>
      <c r="E10" s="1" t="s">
        <v>11</v>
      </c>
      <c r="F10" s="1" t="s">
        <v>165</v>
      </c>
      <c r="G10" s="2" t="str">
        <f t="shared" si="0"/>
        <v>450</v>
      </c>
      <c r="H10" s="4">
        <v>645.21</v>
      </c>
      <c r="I10" s="2" t="s">
        <v>45</v>
      </c>
      <c r="J10" s="14">
        <v>44090</v>
      </c>
      <c r="K10" s="14">
        <v>45184</v>
      </c>
      <c r="L10" s="15"/>
    </row>
    <row r="11" spans="1:12" x14ac:dyDescent="0.3">
      <c r="A11" s="2">
        <v>8</v>
      </c>
      <c r="B11" s="3" t="s">
        <v>649</v>
      </c>
      <c r="C11" s="13" t="s">
        <v>62</v>
      </c>
      <c r="D11" s="1" t="s">
        <v>51</v>
      </c>
      <c r="E11" s="1" t="s">
        <v>11</v>
      </c>
      <c r="F11" s="1" t="s">
        <v>166</v>
      </c>
      <c r="G11" s="2" t="str">
        <f t="shared" si="0"/>
        <v>450</v>
      </c>
      <c r="H11" s="4">
        <v>663.17</v>
      </c>
      <c r="I11" s="2" t="s">
        <v>45</v>
      </c>
      <c r="J11" s="14">
        <v>44090</v>
      </c>
      <c r="K11" s="14">
        <v>45184</v>
      </c>
      <c r="L11" s="15"/>
    </row>
    <row r="12" spans="1:12" x14ac:dyDescent="0.3">
      <c r="A12" s="2">
        <v>9</v>
      </c>
      <c r="B12" s="3" t="s">
        <v>650</v>
      </c>
      <c r="C12" s="13" t="s">
        <v>62</v>
      </c>
      <c r="D12" s="1" t="s">
        <v>51</v>
      </c>
      <c r="E12" s="1" t="s">
        <v>11</v>
      </c>
      <c r="F12" s="1" t="s">
        <v>167</v>
      </c>
      <c r="G12" s="2" t="str">
        <f t="shared" si="0"/>
        <v>450</v>
      </c>
      <c r="H12" s="4">
        <v>731.74</v>
      </c>
      <c r="I12" s="2" t="s">
        <v>45</v>
      </c>
      <c r="J12" s="14">
        <v>44090</v>
      </c>
      <c r="K12" s="14">
        <v>45184</v>
      </c>
      <c r="L12" s="15"/>
    </row>
    <row r="13" spans="1:12" x14ac:dyDescent="0.3">
      <c r="A13" s="2">
        <v>10</v>
      </c>
      <c r="B13" s="3" t="s">
        <v>651</v>
      </c>
      <c r="C13" s="13" t="s">
        <v>62</v>
      </c>
      <c r="D13" s="1" t="s">
        <v>51</v>
      </c>
      <c r="E13" s="1" t="s">
        <v>12</v>
      </c>
      <c r="F13" s="1" t="s">
        <v>168</v>
      </c>
      <c r="G13" s="2" t="str">
        <f t="shared" si="0"/>
        <v>455</v>
      </c>
      <c r="H13" s="4">
        <v>638.12</v>
      </c>
      <c r="I13" s="2" t="s">
        <v>45</v>
      </c>
      <c r="J13" s="14">
        <v>44090</v>
      </c>
      <c r="K13" s="14">
        <v>45184</v>
      </c>
      <c r="L13" s="15"/>
    </row>
    <row r="14" spans="1:12" x14ac:dyDescent="0.3">
      <c r="A14" s="2">
        <v>11</v>
      </c>
      <c r="B14" s="3" t="s">
        <v>652</v>
      </c>
      <c r="C14" s="13" t="s">
        <v>62</v>
      </c>
      <c r="D14" s="1" t="s">
        <v>51</v>
      </c>
      <c r="E14" s="1" t="s">
        <v>12</v>
      </c>
      <c r="F14" s="1" t="s">
        <v>169</v>
      </c>
      <c r="G14" s="2" t="str">
        <f t="shared" si="0"/>
        <v>455</v>
      </c>
      <c r="H14" s="4">
        <v>655.88</v>
      </c>
      <c r="I14" s="2" t="s">
        <v>45</v>
      </c>
      <c r="J14" s="14">
        <v>44090</v>
      </c>
      <c r="K14" s="14">
        <v>45184</v>
      </c>
      <c r="L14" s="15"/>
    </row>
    <row r="15" spans="1:12" x14ac:dyDescent="0.3">
      <c r="A15" s="2">
        <v>12</v>
      </c>
      <c r="B15" s="3" t="s">
        <v>653</v>
      </c>
      <c r="C15" s="13" t="s">
        <v>62</v>
      </c>
      <c r="D15" s="1" t="s">
        <v>51</v>
      </c>
      <c r="E15" s="1" t="s">
        <v>12</v>
      </c>
      <c r="F15" s="1" t="s">
        <v>170</v>
      </c>
      <c r="G15" s="2" t="str">
        <f t="shared" si="0"/>
        <v>455</v>
      </c>
      <c r="H15" s="4">
        <v>723.7</v>
      </c>
      <c r="I15" s="2" t="s">
        <v>45</v>
      </c>
      <c r="J15" s="14">
        <v>44090</v>
      </c>
      <c r="K15" s="14">
        <v>45184</v>
      </c>
      <c r="L15" s="15"/>
    </row>
    <row r="16" spans="1:12" x14ac:dyDescent="0.3">
      <c r="A16" s="2">
        <v>13</v>
      </c>
      <c r="B16" s="3" t="s">
        <v>654</v>
      </c>
      <c r="C16" s="13" t="s">
        <v>62</v>
      </c>
      <c r="D16" s="1" t="s">
        <v>51</v>
      </c>
      <c r="E16" s="1" t="s">
        <v>6</v>
      </c>
      <c r="F16" s="1" t="s">
        <v>42</v>
      </c>
      <c r="G16" s="2" t="str">
        <f t="shared" si="0"/>
        <v>440</v>
      </c>
      <c r="H16" s="4">
        <v>749.48</v>
      </c>
      <c r="I16" s="2" t="s">
        <v>45</v>
      </c>
      <c r="J16" s="14">
        <v>44090</v>
      </c>
      <c r="K16" s="14">
        <v>45184</v>
      </c>
      <c r="L16" s="15"/>
    </row>
    <row r="17" spans="1:12" x14ac:dyDescent="0.3">
      <c r="A17" s="2">
        <v>14</v>
      </c>
      <c r="B17" s="3" t="s">
        <v>655</v>
      </c>
      <c r="C17" s="13" t="s">
        <v>62</v>
      </c>
      <c r="D17" s="1" t="s">
        <v>51</v>
      </c>
      <c r="E17" s="1" t="s">
        <v>7</v>
      </c>
      <c r="F17" s="1" t="s">
        <v>43</v>
      </c>
      <c r="G17" s="2" t="str">
        <f t="shared" si="0"/>
        <v>445</v>
      </c>
      <c r="H17" s="4">
        <v>741.06</v>
      </c>
      <c r="I17" s="2" t="s">
        <v>45</v>
      </c>
      <c r="J17" s="14">
        <v>44090</v>
      </c>
      <c r="K17" s="14">
        <v>45184</v>
      </c>
      <c r="L17" s="15"/>
    </row>
    <row r="18" spans="1:12" x14ac:dyDescent="0.3">
      <c r="A18" s="2">
        <v>15</v>
      </c>
      <c r="B18" s="3" t="s">
        <v>656</v>
      </c>
      <c r="C18" s="13" t="s">
        <v>62</v>
      </c>
      <c r="D18" s="1" t="s">
        <v>51</v>
      </c>
      <c r="E18" s="1" t="s">
        <v>8</v>
      </c>
      <c r="F18" s="1" t="s">
        <v>44</v>
      </c>
      <c r="G18" s="2" t="str">
        <f t="shared" si="0"/>
        <v>450</v>
      </c>
      <c r="H18" s="4">
        <v>732.83</v>
      </c>
      <c r="I18" s="2" t="s">
        <v>45</v>
      </c>
      <c r="J18" s="14">
        <v>44090</v>
      </c>
      <c r="K18" s="14">
        <v>45184</v>
      </c>
      <c r="L18" s="15"/>
    </row>
    <row r="19" spans="1:12" x14ac:dyDescent="0.3">
      <c r="A19" s="2">
        <v>16</v>
      </c>
      <c r="B19" s="3" t="s">
        <v>657</v>
      </c>
      <c r="C19" s="13" t="s">
        <v>62</v>
      </c>
      <c r="D19" s="1" t="s">
        <v>51</v>
      </c>
      <c r="E19" s="1" t="s">
        <v>13</v>
      </c>
      <c r="F19" s="1" t="s">
        <v>171</v>
      </c>
      <c r="G19" s="2" t="str">
        <f t="shared" si="0"/>
        <v>405</v>
      </c>
      <c r="H19" s="4">
        <v>667.2</v>
      </c>
      <c r="I19" s="2" t="s">
        <v>45</v>
      </c>
      <c r="J19" s="14">
        <v>44090</v>
      </c>
      <c r="K19" s="14">
        <v>45184</v>
      </c>
      <c r="L19" s="15"/>
    </row>
    <row r="20" spans="1:12" x14ac:dyDescent="0.3">
      <c r="A20" s="2">
        <v>17</v>
      </c>
      <c r="B20" s="3" t="s">
        <v>658</v>
      </c>
      <c r="C20" s="13" t="s">
        <v>62</v>
      </c>
      <c r="D20" s="1" t="s">
        <v>51</v>
      </c>
      <c r="E20" s="1" t="s">
        <v>13</v>
      </c>
      <c r="F20" s="1" t="s">
        <v>172</v>
      </c>
      <c r="G20" s="2" t="str">
        <f t="shared" si="0"/>
        <v>405</v>
      </c>
      <c r="H20" s="4">
        <v>685.62</v>
      </c>
      <c r="I20" s="2" t="s">
        <v>45</v>
      </c>
      <c r="J20" s="14">
        <v>44090</v>
      </c>
      <c r="K20" s="14">
        <v>45184</v>
      </c>
      <c r="L20" s="15"/>
    </row>
    <row r="21" spans="1:12" x14ac:dyDescent="0.3">
      <c r="A21" s="2">
        <v>18</v>
      </c>
      <c r="B21" s="3" t="s">
        <v>659</v>
      </c>
      <c r="C21" s="13" t="s">
        <v>62</v>
      </c>
      <c r="D21" s="1" t="s">
        <v>51</v>
      </c>
      <c r="E21" s="1" t="s">
        <v>13</v>
      </c>
      <c r="F21" s="1" t="s">
        <v>173</v>
      </c>
      <c r="G21" s="2" t="str">
        <f t="shared" si="0"/>
        <v>405</v>
      </c>
      <c r="H21" s="4">
        <v>755.99</v>
      </c>
      <c r="I21" s="2" t="s">
        <v>45</v>
      </c>
      <c r="J21" s="14">
        <v>44090</v>
      </c>
      <c r="K21" s="14">
        <v>45184</v>
      </c>
      <c r="L21" s="15"/>
    </row>
    <row r="22" spans="1:12" x14ac:dyDescent="0.3">
      <c r="A22" s="2">
        <v>19</v>
      </c>
      <c r="B22" s="3" t="s">
        <v>660</v>
      </c>
      <c r="C22" s="13" t="s">
        <v>62</v>
      </c>
      <c r="D22" s="1" t="s">
        <v>51</v>
      </c>
      <c r="E22" s="1" t="s">
        <v>14</v>
      </c>
      <c r="F22" s="1" t="s">
        <v>174</v>
      </c>
      <c r="G22" s="2" t="str">
        <f t="shared" si="0"/>
        <v>410</v>
      </c>
      <c r="H22" s="4">
        <v>659.06</v>
      </c>
      <c r="I22" s="2" t="s">
        <v>45</v>
      </c>
      <c r="J22" s="14">
        <v>44090</v>
      </c>
      <c r="K22" s="14">
        <v>45184</v>
      </c>
      <c r="L22" s="15"/>
    </row>
    <row r="23" spans="1:12" x14ac:dyDescent="0.3">
      <c r="A23" s="2">
        <v>20</v>
      </c>
      <c r="B23" s="3" t="s">
        <v>661</v>
      </c>
      <c r="C23" s="13" t="s">
        <v>62</v>
      </c>
      <c r="D23" s="1" t="s">
        <v>51</v>
      </c>
      <c r="E23" s="1" t="s">
        <v>14</v>
      </c>
      <c r="F23" s="1" t="s">
        <v>175</v>
      </c>
      <c r="G23" s="2" t="str">
        <f t="shared" si="0"/>
        <v>410</v>
      </c>
      <c r="H23" s="4">
        <v>677.26</v>
      </c>
      <c r="I23" s="2" t="s">
        <v>45</v>
      </c>
      <c r="J23" s="14">
        <v>44090</v>
      </c>
      <c r="K23" s="14">
        <v>45184</v>
      </c>
      <c r="L23" s="15"/>
    </row>
    <row r="24" spans="1:12" x14ac:dyDescent="0.3">
      <c r="A24" s="2">
        <v>21</v>
      </c>
      <c r="B24" s="3" t="s">
        <v>662</v>
      </c>
      <c r="C24" s="13" t="s">
        <v>62</v>
      </c>
      <c r="D24" s="1" t="s">
        <v>51</v>
      </c>
      <c r="E24" s="1" t="s">
        <v>14</v>
      </c>
      <c r="F24" s="1" t="s">
        <v>176</v>
      </c>
      <c r="G24" s="2" t="str">
        <f t="shared" si="0"/>
        <v>410</v>
      </c>
      <c r="H24" s="4">
        <v>746.77</v>
      </c>
      <c r="I24" s="2" t="s">
        <v>45</v>
      </c>
      <c r="J24" s="14">
        <v>44090</v>
      </c>
      <c r="K24" s="14">
        <v>45184</v>
      </c>
      <c r="L24" s="15"/>
    </row>
    <row r="25" spans="1:12" x14ac:dyDescent="0.3">
      <c r="A25" s="2">
        <v>22</v>
      </c>
      <c r="B25" s="3" t="s">
        <v>663</v>
      </c>
      <c r="C25" s="13" t="s">
        <v>62</v>
      </c>
      <c r="D25" s="1" t="s">
        <v>51</v>
      </c>
      <c r="E25" s="1" t="s">
        <v>15</v>
      </c>
      <c r="F25" s="1" t="s">
        <v>177</v>
      </c>
      <c r="G25" s="2" t="str">
        <f t="shared" si="0"/>
        <v>415</v>
      </c>
      <c r="H25" s="4">
        <v>651.12</v>
      </c>
      <c r="I25" s="2" t="s">
        <v>45</v>
      </c>
      <c r="J25" s="14">
        <v>44090</v>
      </c>
      <c r="K25" s="14">
        <v>45184</v>
      </c>
      <c r="L25" s="15"/>
    </row>
    <row r="26" spans="1:12" x14ac:dyDescent="0.3">
      <c r="A26" s="2">
        <v>23</v>
      </c>
      <c r="B26" s="3" t="s">
        <v>664</v>
      </c>
      <c r="C26" s="13" t="s">
        <v>62</v>
      </c>
      <c r="D26" s="1" t="s">
        <v>51</v>
      </c>
      <c r="E26" s="1" t="s">
        <v>15</v>
      </c>
      <c r="F26" s="1" t="s">
        <v>178</v>
      </c>
      <c r="G26" s="2" t="str">
        <f t="shared" si="0"/>
        <v>415</v>
      </c>
      <c r="H26" s="4">
        <v>669.1</v>
      </c>
      <c r="I26" s="2" t="s">
        <v>45</v>
      </c>
      <c r="J26" s="14">
        <v>44090</v>
      </c>
      <c r="K26" s="14">
        <v>45184</v>
      </c>
      <c r="L26" s="15"/>
    </row>
    <row r="27" spans="1:12" x14ac:dyDescent="0.3">
      <c r="A27" s="2">
        <v>24</v>
      </c>
      <c r="B27" s="3" t="s">
        <v>665</v>
      </c>
      <c r="C27" s="13" t="s">
        <v>62</v>
      </c>
      <c r="D27" s="1" t="s">
        <v>51</v>
      </c>
      <c r="E27" s="1" t="s">
        <v>15</v>
      </c>
      <c r="F27" s="1" t="s">
        <v>179</v>
      </c>
      <c r="G27" s="2" t="str">
        <f t="shared" si="0"/>
        <v>415</v>
      </c>
      <c r="H27" s="4">
        <v>737.77</v>
      </c>
      <c r="I27" s="2" t="s">
        <v>45</v>
      </c>
      <c r="J27" s="14">
        <v>44090</v>
      </c>
      <c r="K27" s="14">
        <v>45184</v>
      </c>
      <c r="L27" s="15"/>
    </row>
    <row r="28" spans="1:12" x14ac:dyDescent="0.3">
      <c r="A28" s="2">
        <v>25</v>
      </c>
      <c r="B28" s="3" t="s">
        <v>666</v>
      </c>
      <c r="C28" s="13" t="s">
        <v>62</v>
      </c>
      <c r="D28" s="1" t="s">
        <v>51</v>
      </c>
      <c r="E28" s="1" t="s">
        <v>16</v>
      </c>
      <c r="F28" s="1" t="s">
        <v>180</v>
      </c>
      <c r="G28" s="2" t="str">
        <f t="shared" si="0"/>
        <v>420</v>
      </c>
      <c r="H28" s="4">
        <v>643.37</v>
      </c>
      <c r="I28" s="2" t="s">
        <v>45</v>
      </c>
      <c r="J28" s="14">
        <v>44090</v>
      </c>
      <c r="K28" s="14">
        <v>45184</v>
      </c>
      <c r="L28" s="15"/>
    </row>
    <row r="29" spans="1:12" x14ac:dyDescent="0.3">
      <c r="A29" s="2">
        <v>26</v>
      </c>
      <c r="B29" s="3" t="s">
        <v>667</v>
      </c>
      <c r="C29" s="13" t="s">
        <v>62</v>
      </c>
      <c r="D29" s="1" t="s">
        <v>51</v>
      </c>
      <c r="E29" s="1" t="s">
        <v>16</v>
      </c>
      <c r="F29" s="1" t="s">
        <v>181</v>
      </c>
      <c r="G29" s="2" t="str">
        <f t="shared" si="0"/>
        <v>420</v>
      </c>
      <c r="H29" s="4">
        <v>661.13</v>
      </c>
      <c r="I29" s="2" t="s">
        <v>45</v>
      </c>
      <c r="J29" s="14">
        <v>44090</v>
      </c>
      <c r="K29" s="14">
        <v>45184</v>
      </c>
      <c r="L29" s="15"/>
    </row>
    <row r="30" spans="1:12" x14ac:dyDescent="0.3">
      <c r="A30" s="2">
        <v>27</v>
      </c>
      <c r="B30" s="3" t="s">
        <v>668</v>
      </c>
      <c r="C30" s="13" t="s">
        <v>62</v>
      </c>
      <c r="D30" s="1" t="s">
        <v>51</v>
      </c>
      <c r="E30" s="1" t="s">
        <v>16</v>
      </c>
      <c r="F30" s="1" t="s">
        <v>182</v>
      </c>
      <c r="G30" s="2" t="str">
        <f t="shared" si="0"/>
        <v>420</v>
      </c>
      <c r="H30" s="4">
        <v>728.99</v>
      </c>
      <c r="I30" s="2" t="s">
        <v>45</v>
      </c>
      <c r="J30" s="14">
        <v>44090</v>
      </c>
      <c r="K30" s="14">
        <v>45184</v>
      </c>
      <c r="L30" s="15"/>
    </row>
    <row r="31" spans="1:12" x14ac:dyDescent="0.3">
      <c r="A31" s="2">
        <v>28</v>
      </c>
      <c r="B31" s="3" t="s">
        <v>669</v>
      </c>
      <c r="C31" s="13" t="s">
        <v>62</v>
      </c>
      <c r="D31" s="1" t="s">
        <v>51</v>
      </c>
      <c r="E31" s="1" t="s">
        <v>17</v>
      </c>
      <c r="F31" s="1" t="s">
        <v>183</v>
      </c>
      <c r="G31" s="2" t="str">
        <f t="shared" si="0"/>
        <v>425</v>
      </c>
      <c r="H31" s="4">
        <v>635.79999999999995</v>
      </c>
      <c r="I31" s="2" t="s">
        <v>45</v>
      </c>
      <c r="J31" s="14">
        <v>44090</v>
      </c>
      <c r="K31" s="14">
        <v>45184</v>
      </c>
      <c r="L31" s="15"/>
    </row>
    <row r="32" spans="1:12" x14ac:dyDescent="0.3">
      <c r="A32" s="2">
        <v>29</v>
      </c>
      <c r="B32" s="3" t="s">
        <v>670</v>
      </c>
      <c r="C32" s="13" t="s">
        <v>62</v>
      </c>
      <c r="D32" s="1" t="s">
        <v>51</v>
      </c>
      <c r="E32" s="1" t="s">
        <v>17</v>
      </c>
      <c r="F32" s="1" t="s">
        <v>184</v>
      </c>
      <c r="G32" s="2" t="str">
        <f t="shared" si="0"/>
        <v>425</v>
      </c>
      <c r="H32" s="4">
        <v>653.36</v>
      </c>
      <c r="I32" s="2" t="s">
        <v>45</v>
      </c>
      <c r="J32" s="14">
        <v>44090</v>
      </c>
      <c r="K32" s="14">
        <v>45184</v>
      </c>
      <c r="L32" s="15"/>
    </row>
    <row r="33" spans="1:12" x14ac:dyDescent="0.3">
      <c r="A33" s="2">
        <v>30</v>
      </c>
      <c r="B33" s="3" t="s">
        <v>671</v>
      </c>
      <c r="C33" s="13" t="s">
        <v>62</v>
      </c>
      <c r="D33" s="1" t="s">
        <v>51</v>
      </c>
      <c r="E33" s="1" t="s">
        <v>17</v>
      </c>
      <c r="F33" s="1" t="s">
        <v>185</v>
      </c>
      <c r="G33" s="2" t="str">
        <f t="shared" si="0"/>
        <v>425</v>
      </c>
      <c r="H33" s="4">
        <v>720.41</v>
      </c>
      <c r="I33" s="2" t="s">
        <v>45</v>
      </c>
      <c r="J33" s="14">
        <v>44090</v>
      </c>
      <c r="K33" s="14">
        <v>45184</v>
      </c>
      <c r="L33" s="15"/>
    </row>
    <row r="34" spans="1:12" x14ac:dyDescent="0.3">
      <c r="A34" s="2">
        <v>31</v>
      </c>
      <c r="B34" s="3" t="s">
        <v>672</v>
      </c>
      <c r="C34" s="13" t="s">
        <v>62</v>
      </c>
      <c r="D34" s="1" t="s">
        <v>51</v>
      </c>
      <c r="E34" s="1" t="s">
        <v>18</v>
      </c>
      <c r="F34" s="1" t="s">
        <v>186</v>
      </c>
      <c r="G34" s="2" t="str">
        <f t="shared" si="0"/>
        <v>410</v>
      </c>
      <c r="H34" s="4">
        <v>658.74</v>
      </c>
      <c r="I34" s="2" t="s">
        <v>45</v>
      </c>
      <c r="J34" s="14">
        <v>44090</v>
      </c>
      <c r="K34" s="14">
        <v>45184</v>
      </c>
      <c r="L34" s="15"/>
    </row>
    <row r="35" spans="1:12" x14ac:dyDescent="0.3">
      <c r="A35" s="2">
        <v>32</v>
      </c>
      <c r="B35" s="3" t="s">
        <v>673</v>
      </c>
      <c r="C35" s="13" t="s">
        <v>62</v>
      </c>
      <c r="D35" s="1" t="s">
        <v>51</v>
      </c>
      <c r="E35" s="1" t="s">
        <v>18</v>
      </c>
      <c r="F35" s="1" t="s">
        <v>187</v>
      </c>
      <c r="G35" s="2" t="str">
        <f t="shared" si="0"/>
        <v>410</v>
      </c>
      <c r="H35" s="4">
        <v>676.94</v>
      </c>
      <c r="I35" s="2" t="s">
        <v>45</v>
      </c>
      <c r="J35" s="14">
        <v>44090</v>
      </c>
      <c r="K35" s="14">
        <v>45184</v>
      </c>
      <c r="L35" s="15"/>
    </row>
    <row r="36" spans="1:12" x14ac:dyDescent="0.3">
      <c r="A36" s="2">
        <v>33</v>
      </c>
      <c r="B36" s="3" t="s">
        <v>674</v>
      </c>
      <c r="C36" s="13" t="s">
        <v>62</v>
      </c>
      <c r="D36" s="1" t="s">
        <v>51</v>
      </c>
      <c r="E36" s="1" t="s">
        <v>18</v>
      </c>
      <c r="F36" s="1" t="s">
        <v>188</v>
      </c>
      <c r="G36" s="2" t="str">
        <f t="shared" ref="G36:G67" si="1">RIGHT(E36,3)</f>
        <v>410</v>
      </c>
      <c r="H36" s="4">
        <v>746.45</v>
      </c>
      <c r="I36" s="2" t="s">
        <v>45</v>
      </c>
      <c r="J36" s="14">
        <v>44090</v>
      </c>
      <c r="K36" s="14">
        <v>45184</v>
      </c>
      <c r="L36" s="15"/>
    </row>
    <row r="37" spans="1:12" x14ac:dyDescent="0.3">
      <c r="A37" s="2">
        <v>34</v>
      </c>
      <c r="B37" s="3" t="s">
        <v>675</v>
      </c>
      <c r="C37" s="13" t="s">
        <v>62</v>
      </c>
      <c r="D37" s="1" t="s">
        <v>51</v>
      </c>
      <c r="E37" s="1" t="s">
        <v>19</v>
      </c>
      <c r="F37" s="1" t="s">
        <v>189</v>
      </c>
      <c r="G37" s="2" t="str">
        <f t="shared" si="1"/>
        <v>415</v>
      </c>
      <c r="H37" s="4">
        <v>650.79999999999995</v>
      </c>
      <c r="I37" s="2" t="s">
        <v>45</v>
      </c>
      <c r="J37" s="14">
        <v>44090</v>
      </c>
      <c r="K37" s="14">
        <v>45184</v>
      </c>
      <c r="L37" s="15"/>
    </row>
    <row r="38" spans="1:12" x14ac:dyDescent="0.3">
      <c r="A38" s="2">
        <v>35</v>
      </c>
      <c r="B38" s="3" t="s">
        <v>676</v>
      </c>
      <c r="C38" s="13" t="s">
        <v>62</v>
      </c>
      <c r="D38" s="1" t="s">
        <v>51</v>
      </c>
      <c r="E38" s="1" t="s">
        <v>19</v>
      </c>
      <c r="F38" s="1" t="s">
        <v>190</v>
      </c>
      <c r="G38" s="2" t="str">
        <f t="shared" si="1"/>
        <v>415</v>
      </c>
      <c r="H38" s="4">
        <v>668.78</v>
      </c>
      <c r="I38" s="2" t="s">
        <v>45</v>
      </c>
      <c r="J38" s="14">
        <v>44090</v>
      </c>
      <c r="K38" s="14">
        <v>45184</v>
      </c>
      <c r="L38" s="15"/>
    </row>
    <row r="39" spans="1:12" x14ac:dyDescent="0.3">
      <c r="A39" s="2">
        <v>36</v>
      </c>
      <c r="B39" s="3" t="s">
        <v>677</v>
      </c>
      <c r="C39" s="13" t="s">
        <v>62</v>
      </c>
      <c r="D39" s="1" t="s">
        <v>51</v>
      </c>
      <c r="E39" s="1" t="s">
        <v>19</v>
      </c>
      <c r="F39" s="1" t="s">
        <v>191</v>
      </c>
      <c r="G39" s="2" t="str">
        <f t="shared" si="1"/>
        <v>415</v>
      </c>
      <c r="H39" s="4">
        <v>737.45</v>
      </c>
      <c r="I39" s="2" t="s">
        <v>45</v>
      </c>
      <c r="J39" s="14">
        <v>44090</v>
      </c>
      <c r="K39" s="14">
        <v>45184</v>
      </c>
      <c r="L39" s="15"/>
    </row>
    <row r="40" spans="1:12" x14ac:dyDescent="0.3">
      <c r="A40" s="2">
        <v>37</v>
      </c>
      <c r="B40" s="3" t="s">
        <v>678</v>
      </c>
      <c r="C40" s="13" t="s">
        <v>62</v>
      </c>
      <c r="D40" s="1" t="s">
        <v>51</v>
      </c>
      <c r="E40" s="1" t="s">
        <v>20</v>
      </c>
      <c r="F40" s="1" t="s">
        <v>192</v>
      </c>
      <c r="G40" s="2" t="str">
        <f t="shared" si="1"/>
        <v>420</v>
      </c>
      <c r="H40" s="4">
        <v>643.04999999999995</v>
      </c>
      <c r="I40" s="2" t="s">
        <v>45</v>
      </c>
      <c r="J40" s="14">
        <v>44090</v>
      </c>
      <c r="K40" s="14">
        <v>45184</v>
      </c>
      <c r="L40" s="15"/>
    </row>
    <row r="41" spans="1:12" x14ac:dyDescent="0.3">
      <c r="A41" s="2">
        <v>38</v>
      </c>
      <c r="B41" s="3" t="s">
        <v>679</v>
      </c>
      <c r="C41" s="13" t="s">
        <v>62</v>
      </c>
      <c r="D41" s="1" t="s">
        <v>51</v>
      </c>
      <c r="E41" s="1" t="s">
        <v>20</v>
      </c>
      <c r="F41" s="1" t="s">
        <v>193</v>
      </c>
      <c r="G41" s="2" t="str">
        <f t="shared" si="1"/>
        <v>420</v>
      </c>
      <c r="H41" s="4">
        <v>660.82</v>
      </c>
      <c r="I41" s="2" t="s">
        <v>45</v>
      </c>
      <c r="J41" s="14">
        <v>44090</v>
      </c>
      <c r="K41" s="14">
        <v>45184</v>
      </c>
      <c r="L41" s="15"/>
    </row>
    <row r="42" spans="1:12" x14ac:dyDescent="0.3">
      <c r="A42" s="2">
        <v>39</v>
      </c>
      <c r="B42" s="3" t="s">
        <v>680</v>
      </c>
      <c r="C42" s="13" t="s">
        <v>62</v>
      </c>
      <c r="D42" s="1" t="s">
        <v>51</v>
      </c>
      <c r="E42" s="1" t="s">
        <v>20</v>
      </c>
      <c r="F42" s="1" t="s">
        <v>194</v>
      </c>
      <c r="G42" s="2" t="str">
        <f t="shared" si="1"/>
        <v>420</v>
      </c>
      <c r="H42" s="4">
        <v>728.67</v>
      </c>
      <c r="I42" s="2" t="s">
        <v>45</v>
      </c>
      <c r="J42" s="14">
        <v>44090</v>
      </c>
      <c r="K42" s="14">
        <v>45184</v>
      </c>
      <c r="L42" s="15"/>
    </row>
    <row r="43" spans="1:12" x14ac:dyDescent="0.3">
      <c r="A43" s="2">
        <v>40</v>
      </c>
      <c r="B43" s="3" t="s">
        <v>681</v>
      </c>
      <c r="C43" s="13" t="s">
        <v>62</v>
      </c>
      <c r="D43" s="1" t="s">
        <v>51</v>
      </c>
      <c r="E43" s="1" t="s">
        <v>21</v>
      </c>
      <c r="F43" s="1" t="s">
        <v>195</v>
      </c>
      <c r="G43" s="2" t="str">
        <f t="shared" si="1"/>
        <v>425</v>
      </c>
      <c r="H43" s="4">
        <v>635.49</v>
      </c>
      <c r="I43" s="2" t="s">
        <v>45</v>
      </c>
      <c r="J43" s="14">
        <v>44090</v>
      </c>
      <c r="K43" s="14">
        <v>45184</v>
      </c>
      <c r="L43" s="15"/>
    </row>
    <row r="44" spans="1:12" x14ac:dyDescent="0.3">
      <c r="A44" s="2">
        <v>41</v>
      </c>
      <c r="B44" s="3" t="s">
        <v>682</v>
      </c>
      <c r="C44" s="13" t="s">
        <v>62</v>
      </c>
      <c r="D44" s="1" t="s">
        <v>51</v>
      </c>
      <c r="E44" s="1" t="s">
        <v>21</v>
      </c>
      <c r="F44" s="1" t="s">
        <v>196</v>
      </c>
      <c r="G44" s="2" t="str">
        <f t="shared" si="1"/>
        <v>425</v>
      </c>
      <c r="H44" s="4">
        <v>653.04</v>
      </c>
      <c r="I44" s="2" t="s">
        <v>45</v>
      </c>
      <c r="J44" s="14">
        <v>44090</v>
      </c>
      <c r="K44" s="14">
        <v>45184</v>
      </c>
      <c r="L44" s="15"/>
    </row>
    <row r="45" spans="1:12" x14ac:dyDescent="0.3">
      <c r="A45" s="2">
        <v>42</v>
      </c>
      <c r="B45" s="3" t="s">
        <v>683</v>
      </c>
      <c r="C45" s="13" t="s">
        <v>62</v>
      </c>
      <c r="D45" s="1" t="s">
        <v>51</v>
      </c>
      <c r="E45" s="1" t="s">
        <v>21</v>
      </c>
      <c r="F45" s="1" t="s">
        <v>197</v>
      </c>
      <c r="G45" s="2" t="str">
        <f t="shared" si="1"/>
        <v>425</v>
      </c>
      <c r="H45" s="4">
        <v>720.1</v>
      </c>
      <c r="I45" s="2" t="s">
        <v>45</v>
      </c>
      <c r="J45" s="14">
        <v>44090</v>
      </c>
      <c r="K45" s="14">
        <v>45184</v>
      </c>
      <c r="L45" s="15"/>
    </row>
    <row r="46" spans="1:12" x14ac:dyDescent="0.3">
      <c r="A46" s="2">
        <v>43</v>
      </c>
      <c r="B46" s="3" t="s">
        <v>684</v>
      </c>
      <c r="C46" s="13" t="s">
        <v>62</v>
      </c>
      <c r="D46" s="1" t="s">
        <v>51</v>
      </c>
      <c r="E46" s="1" t="s">
        <v>22</v>
      </c>
      <c r="F46" s="1" t="s">
        <v>198</v>
      </c>
      <c r="G46" s="2" t="str">
        <f t="shared" si="1"/>
        <v>385</v>
      </c>
      <c r="H46" s="4">
        <v>784.72</v>
      </c>
      <c r="I46" s="2" t="s">
        <v>45</v>
      </c>
      <c r="J46" s="14">
        <v>44090</v>
      </c>
      <c r="K46" s="14">
        <v>45184</v>
      </c>
      <c r="L46" s="15"/>
    </row>
    <row r="47" spans="1:12" x14ac:dyDescent="0.3">
      <c r="A47" s="2">
        <v>44</v>
      </c>
      <c r="B47" s="3" t="s">
        <v>685</v>
      </c>
      <c r="C47" s="13" t="s">
        <v>62</v>
      </c>
      <c r="D47" s="1" t="s">
        <v>51</v>
      </c>
      <c r="E47" s="1" t="s">
        <v>23</v>
      </c>
      <c r="F47" s="1" t="s">
        <v>199</v>
      </c>
      <c r="G47" s="2" t="str">
        <f t="shared" si="1"/>
        <v>390</v>
      </c>
      <c r="H47" s="4">
        <v>774.66</v>
      </c>
      <c r="I47" s="2" t="s">
        <v>45</v>
      </c>
      <c r="J47" s="14">
        <v>44090</v>
      </c>
      <c r="K47" s="14">
        <v>45184</v>
      </c>
      <c r="L47" s="15"/>
    </row>
    <row r="48" spans="1:12" x14ac:dyDescent="0.3">
      <c r="A48" s="2">
        <v>45</v>
      </c>
      <c r="B48" s="3" t="s">
        <v>686</v>
      </c>
      <c r="C48" s="13" t="s">
        <v>62</v>
      </c>
      <c r="D48" s="1" t="s">
        <v>51</v>
      </c>
      <c r="E48" s="1" t="s">
        <v>24</v>
      </c>
      <c r="F48" s="1" t="s">
        <v>200</v>
      </c>
      <c r="G48" s="2" t="str">
        <f t="shared" si="1"/>
        <v>395</v>
      </c>
      <c r="H48" s="4">
        <v>764.86</v>
      </c>
      <c r="I48" s="2" t="s">
        <v>45</v>
      </c>
      <c r="J48" s="14">
        <v>44090</v>
      </c>
      <c r="K48" s="14">
        <v>45184</v>
      </c>
      <c r="L48" s="15"/>
    </row>
    <row r="49" spans="1:12" x14ac:dyDescent="0.3">
      <c r="A49" s="2">
        <v>46</v>
      </c>
      <c r="B49" s="3" t="s">
        <v>687</v>
      </c>
      <c r="C49" s="13" t="s">
        <v>62</v>
      </c>
      <c r="D49" s="1" t="s">
        <v>51</v>
      </c>
      <c r="E49" s="1" t="s">
        <v>25</v>
      </c>
      <c r="F49" s="1" t="s">
        <v>201</v>
      </c>
      <c r="G49" s="2" t="str">
        <f t="shared" si="1"/>
        <v>385</v>
      </c>
      <c r="H49" s="4">
        <v>801.15</v>
      </c>
      <c r="I49" s="2" t="s">
        <v>45</v>
      </c>
      <c r="J49" s="14">
        <v>44090</v>
      </c>
      <c r="K49" s="14">
        <v>45184</v>
      </c>
      <c r="L49" s="15"/>
    </row>
    <row r="50" spans="1:12" x14ac:dyDescent="0.3">
      <c r="A50" s="2">
        <v>47</v>
      </c>
      <c r="B50" s="3" t="s">
        <v>688</v>
      </c>
      <c r="C50" s="13" t="s">
        <v>62</v>
      </c>
      <c r="D50" s="1" t="s">
        <v>51</v>
      </c>
      <c r="E50" s="1" t="s">
        <v>26</v>
      </c>
      <c r="F50" s="1" t="s">
        <v>202</v>
      </c>
      <c r="G50" s="2" t="str">
        <f t="shared" si="1"/>
        <v>390</v>
      </c>
      <c r="H50" s="4">
        <v>790.88</v>
      </c>
      <c r="I50" s="2" t="s">
        <v>45</v>
      </c>
      <c r="J50" s="14">
        <v>44090</v>
      </c>
      <c r="K50" s="14">
        <v>45184</v>
      </c>
      <c r="L50" s="15"/>
    </row>
    <row r="51" spans="1:12" x14ac:dyDescent="0.3">
      <c r="A51" s="2">
        <v>48</v>
      </c>
      <c r="B51" s="3" t="s">
        <v>689</v>
      </c>
      <c r="C51" s="13" t="s">
        <v>62</v>
      </c>
      <c r="D51" s="1" t="s">
        <v>51</v>
      </c>
      <c r="E51" s="1" t="s">
        <v>27</v>
      </c>
      <c r="F51" s="1" t="s">
        <v>203</v>
      </c>
      <c r="G51" s="2" t="str">
        <f t="shared" si="1"/>
        <v>395</v>
      </c>
      <c r="H51" s="4">
        <v>780.87</v>
      </c>
      <c r="I51" s="2" t="s">
        <v>45</v>
      </c>
      <c r="J51" s="14">
        <v>44090</v>
      </c>
      <c r="K51" s="14">
        <v>45184</v>
      </c>
      <c r="L51" s="15"/>
    </row>
    <row r="52" spans="1:12" x14ac:dyDescent="0.3">
      <c r="A52" s="2">
        <v>49</v>
      </c>
      <c r="B52" s="3" t="s">
        <v>690</v>
      </c>
      <c r="C52" s="13" t="s">
        <v>62</v>
      </c>
      <c r="D52" s="1" t="s">
        <v>51</v>
      </c>
      <c r="E52" s="1" t="s">
        <v>28</v>
      </c>
      <c r="F52" s="1" t="s">
        <v>204</v>
      </c>
      <c r="G52" s="2" t="str">
        <f t="shared" si="1"/>
        <v>400</v>
      </c>
      <c r="H52" s="4">
        <v>771.11</v>
      </c>
      <c r="I52" s="2" t="s">
        <v>45</v>
      </c>
      <c r="J52" s="14">
        <v>44090</v>
      </c>
      <c r="K52" s="14">
        <v>45184</v>
      </c>
      <c r="L52" s="15"/>
    </row>
    <row r="53" spans="1:12" x14ac:dyDescent="0.3">
      <c r="A53" s="2">
        <v>50</v>
      </c>
      <c r="B53" s="3" t="s">
        <v>691</v>
      </c>
      <c r="C53" s="13" t="s">
        <v>62</v>
      </c>
      <c r="D53" s="1" t="s">
        <v>51</v>
      </c>
      <c r="E53" s="1" t="s">
        <v>29</v>
      </c>
      <c r="F53" s="1" t="s">
        <v>205</v>
      </c>
      <c r="G53" s="2" t="str">
        <f t="shared" si="1"/>
        <v>365</v>
      </c>
      <c r="H53" s="4">
        <v>823.11</v>
      </c>
      <c r="I53" s="2" t="s">
        <v>45</v>
      </c>
      <c r="J53" s="14">
        <v>44090</v>
      </c>
      <c r="K53" s="14">
        <v>45184</v>
      </c>
      <c r="L53" s="15"/>
    </row>
    <row r="54" spans="1:12" x14ac:dyDescent="0.3">
      <c r="A54" s="2">
        <v>51</v>
      </c>
      <c r="B54" s="3" t="s">
        <v>692</v>
      </c>
      <c r="C54" s="13" t="s">
        <v>62</v>
      </c>
      <c r="D54" s="1" t="s">
        <v>51</v>
      </c>
      <c r="E54" s="1" t="s">
        <v>30</v>
      </c>
      <c r="F54" s="1" t="s">
        <v>206</v>
      </c>
      <c r="G54" s="2" t="str">
        <f t="shared" si="1"/>
        <v>370</v>
      </c>
      <c r="H54" s="4">
        <v>811.99</v>
      </c>
      <c r="I54" s="2" t="s">
        <v>45</v>
      </c>
      <c r="J54" s="14">
        <v>44090</v>
      </c>
      <c r="K54" s="14">
        <v>45184</v>
      </c>
      <c r="L54" s="15"/>
    </row>
    <row r="55" spans="1:12" x14ac:dyDescent="0.3">
      <c r="A55" s="2">
        <v>52</v>
      </c>
      <c r="B55" s="3" t="s">
        <v>693</v>
      </c>
      <c r="C55" s="13" t="s">
        <v>62</v>
      </c>
      <c r="D55" s="1" t="s">
        <v>51</v>
      </c>
      <c r="E55" s="1" t="s">
        <v>31</v>
      </c>
      <c r="F55" s="1" t="s">
        <v>207</v>
      </c>
      <c r="G55" s="2" t="str">
        <f t="shared" si="1"/>
        <v>375</v>
      </c>
      <c r="H55" s="4">
        <v>801.16</v>
      </c>
      <c r="I55" s="2" t="s">
        <v>45</v>
      </c>
      <c r="J55" s="14">
        <v>44090</v>
      </c>
      <c r="K55" s="14">
        <v>45184</v>
      </c>
      <c r="L55" s="15"/>
    </row>
    <row r="56" spans="1:12" x14ac:dyDescent="0.3">
      <c r="A56" s="2">
        <v>53</v>
      </c>
      <c r="B56" s="3" t="s">
        <v>694</v>
      </c>
      <c r="C56" s="13" t="s">
        <v>62</v>
      </c>
      <c r="D56" s="1" t="s">
        <v>51</v>
      </c>
      <c r="E56" s="1" t="s">
        <v>32</v>
      </c>
      <c r="F56" s="1" t="s">
        <v>208</v>
      </c>
      <c r="G56" s="2" t="str">
        <f t="shared" si="1"/>
        <v>380</v>
      </c>
      <c r="H56" s="4">
        <v>790.62</v>
      </c>
      <c r="I56" s="2" t="s">
        <v>45</v>
      </c>
      <c r="J56" s="14">
        <v>44090</v>
      </c>
      <c r="K56" s="14">
        <v>45184</v>
      </c>
      <c r="L56" s="15"/>
    </row>
    <row r="57" spans="1:12" x14ac:dyDescent="0.3">
      <c r="A57" s="2">
        <v>54</v>
      </c>
      <c r="B57" s="3" t="s">
        <v>695</v>
      </c>
      <c r="C57" s="13" t="s">
        <v>62</v>
      </c>
      <c r="D57" s="1" t="s">
        <v>51</v>
      </c>
      <c r="E57" s="1" t="s">
        <v>33</v>
      </c>
      <c r="F57" s="1" t="s">
        <v>209</v>
      </c>
      <c r="G57" s="2" t="str">
        <f t="shared" si="1"/>
        <v>385</v>
      </c>
      <c r="H57" s="4">
        <v>780.35</v>
      </c>
      <c r="I57" s="2" t="s">
        <v>45</v>
      </c>
      <c r="J57" s="14">
        <v>44090</v>
      </c>
      <c r="K57" s="14">
        <v>45184</v>
      </c>
      <c r="L57" s="15"/>
    </row>
    <row r="58" spans="1:12" x14ac:dyDescent="0.3">
      <c r="A58" s="2">
        <v>55</v>
      </c>
      <c r="B58" s="3" t="s">
        <v>696</v>
      </c>
      <c r="C58" s="13" t="s">
        <v>62</v>
      </c>
      <c r="D58" s="1" t="s">
        <v>51</v>
      </c>
      <c r="E58" s="1" t="s">
        <v>34</v>
      </c>
      <c r="F58" s="1" t="s">
        <v>210</v>
      </c>
      <c r="G58" s="2" t="str">
        <f t="shared" si="1"/>
        <v>365</v>
      </c>
      <c r="H58" s="4">
        <v>823.11</v>
      </c>
      <c r="I58" s="2" t="s">
        <v>45</v>
      </c>
      <c r="J58" s="14">
        <v>44090</v>
      </c>
      <c r="K58" s="14">
        <v>45184</v>
      </c>
      <c r="L58" s="15"/>
    </row>
    <row r="59" spans="1:12" x14ac:dyDescent="0.3">
      <c r="A59" s="2">
        <v>56</v>
      </c>
      <c r="B59" s="3" t="s">
        <v>697</v>
      </c>
      <c r="C59" s="13" t="s">
        <v>62</v>
      </c>
      <c r="D59" s="1" t="s">
        <v>51</v>
      </c>
      <c r="E59" s="1" t="s">
        <v>35</v>
      </c>
      <c r="F59" s="1" t="s">
        <v>211</v>
      </c>
      <c r="G59" s="2" t="str">
        <f t="shared" si="1"/>
        <v>370</v>
      </c>
      <c r="H59" s="4">
        <v>811.99</v>
      </c>
      <c r="I59" s="2" t="s">
        <v>45</v>
      </c>
      <c r="J59" s="14">
        <v>44090</v>
      </c>
      <c r="K59" s="14">
        <v>45184</v>
      </c>
      <c r="L59" s="15"/>
    </row>
    <row r="60" spans="1:12" x14ac:dyDescent="0.3">
      <c r="A60" s="2">
        <v>57</v>
      </c>
      <c r="B60" s="3" t="s">
        <v>698</v>
      </c>
      <c r="C60" s="13" t="s">
        <v>62</v>
      </c>
      <c r="D60" s="1" t="s">
        <v>51</v>
      </c>
      <c r="E60" s="1" t="s">
        <v>36</v>
      </c>
      <c r="F60" s="1" t="s">
        <v>212</v>
      </c>
      <c r="G60" s="2" t="str">
        <f t="shared" si="1"/>
        <v>375</v>
      </c>
      <c r="H60" s="4">
        <v>801.16</v>
      </c>
      <c r="I60" s="2" t="s">
        <v>45</v>
      </c>
      <c r="J60" s="14">
        <v>44090</v>
      </c>
      <c r="K60" s="14">
        <v>45184</v>
      </c>
      <c r="L60" s="15"/>
    </row>
    <row r="61" spans="1:12" x14ac:dyDescent="0.3">
      <c r="A61" s="2">
        <v>58</v>
      </c>
      <c r="B61" s="3" t="s">
        <v>699</v>
      </c>
      <c r="C61" s="13" t="s">
        <v>62</v>
      </c>
      <c r="D61" s="1" t="s">
        <v>51</v>
      </c>
      <c r="E61" s="1" t="s">
        <v>37</v>
      </c>
      <c r="F61" s="1" t="s">
        <v>213</v>
      </c>
      <c r="G61" s="2" t="str">
        <f t="shared" si="1"/>
        <v>380</v>
      </c>
      <c r="H61" s="4">
        <v>790.62</v>
      </c>
      <c r="I61" s="2" t="s">
        <v>45</v>
      </c>
      <c r="J61" s="14">
        <v>44090</v>
      </c>
      <c r="K61" s="14">
        <v>45184</v>
      </c>
      <c r="L61" s="15"/>
    </row>
    <row r="62" spans="1:12" x14ac:dyDescent="0.3">
      <c r="A62" s="2">
        <v>59</v>
      </c>
      <c r="B62" s="3" t="s">
        <v>700</v>
      </c>
      <c r="C62" s="13" t="s">
        <v>62</v>
      </c>
      <c r="D62" s="1" t="s">
        <v>51</v>
      </c>
      <c r="E62" s="1" t="s">
        <v>38</v>
      </c>
      <c r="F62" s="1" t="s">
        <v>214</v>
      </c>
      <c r="G62" s="2" t="str">
        <f t="shared" si="1"/>
        <v>410</v>
      </c>
      <c r="H62" s="4">
        <v>660.28</v>
      </c>
      <c r="I62" s="2" t="s">
        <v>45</v>
      </c>
      <c r="J62" s="14">
        <v>44090</v>
      </c>
      <c r="K62" s="14">
        <v>45184</v>
      </c>
      <c r="L62" s="15"/>
    </row>
    <row r="63" spans="1:12" x14ac:dyDescent="0.3">
      <c r="A63" s="2">
        <v>60</v>
      </c>
      <c r="B63" s="3" t="s">
        <v>701</v>
      </c>
      <c r="C63" s="13" t="s">
        <v>62</v>
      </c>
      <c r="D63" s="1" t="s">
        <v>51</v>
      </c>
      <c r="E63" s="1" t="s">
        <v>38</v>
      </c>
      <c r="F63" s="1" t="s">
        <v>215</v>
      </c>
      <c r="G63" s="2" t="str">
        <f t="shared" si="1"/>
        <v>410</v>
      </c>
      <c r="H63" s="4">
        <v>678.48</v>
      </c>
      <c r="I63" s="2" t="s">
        <v>45</v>
      </c>
      <c r="J63" s="14">
        <v>44090</v>
      </c>
      <c r="K63" s="14">
        <v>45184</v>
      </c>
      <c r="L63" s="15"/>
    </row>
    <row r="64" spans="1:12" x14ac:dyDescent="0.3">
      <c r="A64" s="2">
        <v>61</v>
      </c>
      <c r="B64" s="3" t="s">
        <v>702</v>
      </c>
      <c r="C64" s="13" t="s">
        <v>62</v>
      </c>
      <c r="D64" s="1" t="s">
        <v>51</v>
      </c>
      <c r="E64" s="1" t="s">
        <v>38</v>
      </c>
      <c r="F64" s="1" t="s">
        <v>216</v>
      </c>
      <c r="G64" s="2" t="str">
        <f t="shared" si="1"/>
        <v>410</v>
      </c>
      <c r="H64" s="4">
        <v>747.99</v>
      </c>
      <c r="I64" s="2" t="s">
        <v>45</v>
      </c>
      <c r="J64" s="14">
        <v>44090</v>
      </c>
      <c r="K64" s="14">
        <v>45184</v>
      </c>
      <c r="L64" s="15"/>
    </row>
    <row r="65" spans="1:12" x14ac:dyDescent="0.3">
      <c r="A65" s="2">
        <v>62</v>
      </c>
      <c r="B65" s="3" t="s">
        <v>703</v>
      </c>
      <c r="C65" s="13" t="s">
        <v>62</v>
      </c>
      <c r="D65" s="1" t="s">
        <v>51</v>
      </c>
      <c r="E65" s="1" t="s">
        <v>39</v>
      </c>
      <c r="F65" s="1" t="s">
        <v>217</v>
      </c>
      <c r="G65" s="2" t="str">
        <f t="shared" si="1"/>
        <v>415</v>
      </c>
      <c r="H65" s="4">
        <v>652.33000000000004</v>
      </c>
      <c r="I65" s="2" t="s">
        <v>45</v>
      </c>
      <c r="J65" s="14">
        <v>44090</v>
      </c>
      <c r="K65" s="14">
        <v>45184</v>
      </c>
      <c r="L65" s="15"/>
    </row>
    <row r="66" spans="1:12" x14ac:dyDescent="0.3">
      <c r="A66" s="2">
        <v>63</v>
      </c>
      <c r="B66" s="3" t="s">
        <v>704</v>
      </c>
      <c r="C66" s="13" t="s">
        <v>62</v>
      </c>
      <c r="D66" s="1" t="s">
        <v>51</v>
      </c>
      <c r="E66" s="1" t="s">
        <v>39</v>
      </c>
      <c r="F66" s="1" t="s">
        <v>218</v>
      </c>
      <c r="G66" s="2" t="str">
        <f t="shared" si="1"/>
        <v>415</v>
      </c>
      <c r="H66" s="4">
        <v>670.3</v>
      </c>
      <c r="I66" s="2" t="s">
        <v>45</v>
      </c>
      <c r="J66" s="14">
        <v>44090</v>
      </c>
      <c r="K66" s="14">
        <v>45184</v>
      </c>
      <c r="L66" s="15"/>
    </row>
    <row r="67" spans="1:12" x14ac:dyDescent="0.3">
      <c r="A67" s="2">
        <v>64</v>
      </c>
      <c r="B67" s="3" t="s">
        <v>705</v>
      </c>
      <c r="C67" s="13" t="s">
        <v>62</v>
      </c>
      <c r="D67" s="1" t="s">
        <v>51</v>
      </c>
      <c r="E67" s="1" t="s">
        <v>39</v>
      </c>
      <c r="F67" s="1" t="s">
        <v>219</v>
      </c>
      <c r="G67" s="2" t="str">
        <f t="shared" si="1"/>
        <v>415</v>
      </c>
      <c r="H67" s="4">
        <v>738.98</v>
      </c>
      <c r="I67" s="2" t="s">
        <v>45</v>
      </c>
      <c r="J67" s="14">
        <v>44090</v>
      </c>
      <c r="K67" s="14">
        <v>45184</v>
      </c>
      <c r="L67" s="15"/>
    </row>
    <row r="68" spans="1:12" x14ac:dyDescent="0.3">
      <c r="A68" s="2">
        <v>65</v>
      </c>
      <c r="B68" s="3" t="s">
        <v>706</v>
      </c>
      <c r="C68" s="13" t="s">
        <v>62</v>
      </c>
      <c r="D68" s="1" t="s">
        <v>51</v>
      </c>
      <c r="E68" s="1" t="s">
        <v>40</v>
      </c>
      <c r="F68" s="1" t="s">
        <v>220</v>
      </c>
      <c r="G68" s="2" t="str">
        <f t="shared" ref="G68:G99" si="2">RIGHT(E68,3)</f>
        <v>420</v>
      </c>
      <c r="H68" s="4">
        <v>644.55999999999995</v>
      </c>
      <c r="I68" s="2" t="s">
        <v>45</v>
      </c>
      <c r="J68" s="14">
        <v>44090</v>
      </c>
      <c r="K68" s="14">
        <v>45184</v>
      </c>
      <c r="L68" s="15"/>
    </row>
    <row r="69" spans="1:12" x14ac:dyDescent="0.3">
      <c r="A69" s="2">
        <v>66</v>
      </c>
      <c r="B69" s="3" t="s">
        <v>707</v>
      </c>
      <c r="C69" s="13" t="s">
        <v>62</v>
      </c>
      <c r="D69" s="1" t="s">
        <v>51</v>
      </c>
      <c r="E69" s="1" t="s">
        <v>40</v>
      </c>
      <c r="F69" s="1" t="s">
        <v>221</v>
      </c>
      <c r="G69" s="2" t="str">
        <f t="shared" si="2"/>
        <v>420</v>
      </c>
      <c r="H69" s="4">
        <v>662.32</v>
      </c>
      <c r="I69" s="2" t="s">
        <v>45</v>
      </c>
      <c r="J69" s="14">
        <v>44090</v>
      </c>
      <c r="K69" s="14">
        <v>45184</v>
      </c>
      <c r="L69" s="15"/>
    </row>
    <row r="70" spans="1:12" x14ac:dyDescent="0.3">
      <c r="A70" s="2">
        <v>67</v>
      </c>
      <c r="B70" s="3" t="s">
        <v>708</v>
      </c>
      <c r="C70" s="13" t="s">
        <v>62</v>
      </c>
      <c r="D70" s="1" t="s">
        <v>51</v>
      </c>
      <c r="E70" s="1" t="s">
        <v>40</v>
      </c>
      <c r="F70" s="1" t="s">
        <v>222</v>
      </c>
      <c r="G70" s="2" t="str">
        <f t="shared" si="2"/>
        <v>420</v>
      </c>
      <c r="H70" s="4">
        <v>730.18</v>
      </c>
      <c r="I70" s="2" t="s">
        <v>45</v>
      </c>
      <c r="J70" s="14">
        <v>44090</v>
      </c>
      <c r="K70" s="14">
        <v>45184</v>
      </c>
      <c r="L70" s="15"/>
    </row>
    <row r="71" spans="1:12" x14ac:dyDescent="0.3">
      <c r="A71" s="2">
        <v>68</v>
      </c>
      <c r="B71" s="3" t="s">
        <v>709</v>
      </c>
      <c r="C71" s="13" t="s">
        <v>62</v>
      </c>
      <c r="D71" s="1" t="s">
        <v>51</v>
      </c>
      <c r="E71" s="1" t="s">
        <v>41</v>
      </c>
      <c r="F71" s="1" t="s">
        <v>223</v>
      </c>
      <c r="G71" s="2" t="str">
        <f t="shared" si="2"/>
        <v>425</v>
      </c>
      <c r="H71" s="4">
        <v>636.98</v>
      </c>
      <c r="I71" s="2" t="s">
        <v>45</v>
      </c>
      <c r="J71" s="14">
        <v>44090</v>
      </c>
      <c r="K71" s="14">
        <v>45184</v>
      </c>
      <c r="L71" s="15"/>
    </row>
    <row r="72" spans="1:12" x14ac:dyDescent="0.3">
      <c r="A72" s="2">
        <v>69</v>
      </c>
      <c r="B72" s="3" t="s">
        <v>710</v>
      </c>
      <c r="C72" s="13" t="s">
        <v>62</v>
      </c>
      <c r="D72" s="1" t="s">
        <v>51</v>
      </c>
      <c r="E72" s="1" t="s">
        <v>41</v>
      </c>
      <c r="F72" s="1" t="s">
        <v>224</v>
      </c>
      <c r="G72" s="2" t="str">
        <f t="shared" si="2"/>
        <v>425</v>
      </c>
      <c r="H72" s="4">
        <v>654.53</v>
      </c>
      <c r="I72" s="2" t="s">
        <v>45</v>
      </c>
      <c r="J72" s="14">
        <v>44090</v>
      </c>
      <c r="K72" s="14">
        <v>45184</v>
      </c>
      <c r="L72" s="15"/>
    </row>
    <row r="73" spans="1:12" x14ac:dyDescent="0.3">
      <c r="A73" s="2">
        <v>70</v>
      </c>
      <c r="B73" s="3" t="s">
        <v>711</v>
      </c>
      <c r="C73" s="13" t="s">
        <v>62</v>
      </c>
      <c r="D73" s="1" t="s">
        <v>51</v>
      </c>
      <c r="E73" s="1" t="s">
        <v>41</v>
      </c>
      <c r="F73" s="1" t="s">
        <v>225</v>
      </c>
      <c r="G73" s="2" t="str">
        <f t="shared" si="2"/>
        <v>425</v>
      </c>
      <c r="H73" s="4">
        <v>721.59</v>
      </c>
      <c r="I73" s="2" t="s">
        <v>45</v>
      </c>
      <c r="J73" s="14">
        <v>44090</v>
      </c>
      <c r="K73" s="14">
        <v>45184</v>
      </c>
      <c r="L73" s="15"/>
    </row>
    <row r="74" spans="1:12" x14ac:dyDescent="0.3">
      <c r="A74" s="2">
        <v>71</v>
      </c>
      <c r="B74" s="3" t="s">
        <v>46</v>
      </c>
      <c r="C74" s="13" t="s">
        <v>62</v>
      </c>
      <c r="D74" s="1" t="s">
        <v>54</v>
      </c>
      <c r="E74" s="1" t="s">
        <v>712</v>
      </c>
      <c r="F74" s="1" t="s">
        <v>226</v>
      </c>
      <c r="G74" s="2" t="str">
        <f t="shared" si="2"/>
        <v>405</v>
      </c>
      <c r="H74" s="4">
        <v>668.13</v>
      </c>
      <c r="I74" s="2" t="s">
        <v>45</v>
      </c>
      <c r="J74" s="14">
        <v>44090</v>
      </c>
      <c r="K74" s="14">
        <v>45184</v>
      </c>
      <c r="L74" s="15"/>
    </row>
    <row r="75" spans="1:12" x14ac:dyDescent="0.3">
      <c r="A75" s="2">
        <v>72</v>
      </c>
      <c r="B75" s="3" t="s">
        <v>47</v>
      </c>
      <c r="C75" s="13" t="s">
        <v>62</v>
      </c>
      <c r="D75" s="1" t="s">
        <v>54</v>
      </c>
      <c r="E75" s="1" t="s">
        <v>712</v>
      </c>
      <c r="F75" s="1" t="s">
        <v>227</v>
      </c>
      <c r="G75" s="2" t="str">
        <f t="shared" si="2"/>
        <v>405</v>
      </c>
      <c r="H75" s="4">
        <v>686.55</v>
      </c>
      <c r="I75" s="2" t="s">
        <v>45</v>
      </c>
      <c r="J75" s="14">
        <v>44090</v>
      </c>
      <c r="K75" s="14">
        <v>45184</v>
      </c>
      <c r="L75" s="15"/>
    </row>
    <row r="76" spans="1:12" x14ac:dyDescent="0.3">
      <c r="A76" s="2">
        <v>73</v>
      </c>
      <c r="B76" s="3" t="s">
        <v>48</v>
      </c>
      <c r="C76" s="13" t="s">
        <v>62</v>
      </c>
      <c r="D76" s="1" t="s">
        <v>54</v>
      </c>
      <c r="E76" s="1" t="s">
        <v>712</v>
      </c>
      <c r="F76" s="1" t="s">
        <v>228</v>
      </c>
      <c r="G76" s="2" t="str">
        <f t="shared" si="2"/>
        <v>405</v>
      </c>
      <c r="H76" s="4">
        <v>756.92</v>
      </c>
      <c r="I76" s="2" t="s">
        <v>45</v>
      </c>
      <c r="J76" s="14">
        <v>44090</v>
      </c>
      <c r="K76" s="14">
        <v>45184</v>
      </c>
      <c r="L76" s="15"/>
    </row>
    <row r="77" spans="1:12" x14ac:dyDescent="0.3">
      <c r="A77" s="2">
        <v>74</v>
      </c>
      <c r="B77" s="3" t="s">
        <v>713</v>
      </c>
      <c r="C77" s="13" t="s">
        <v>62</v>
      </c>
      <c r="D77" s="1" t="s">
        <v>54</v>
      </c>
      <c r="E77" s="1" t="s">
        <v>714</v>
      </c>
      <c r="F77" s="1" t="s">
        <v>229</v>
      </c>
      <c r="G77" s="2" t="str">
        <f t="shared" si="2"/>
        <v>410</v>
      </c>
      <c r="H77" s="4">
        <v>659.98</v>
      </c>
      <c r="I77" s="2" t="s">
        <v>45</v>
      </c>
      <c r="J77" s="14">
        <v>44090</v>
      </c>
      <c r="K77" s="14">
        <v>45184</v>
      </c>
      <c r="L77" s="15"/>
    </row>
    <row r="78" spans="1:12" x14ac:dyDescent="0.3">
      <c r="A78" s="2">
        <v>75</v>
      </c>
      <c r="B78" s="3" t="s">
        <v>715</v>
      </c>
      <c r="C78" s="13" t="s">
        <v>62</v>
      </c>
      <c r="D78" s="1" t="s">
        <v>54</v>
      </c>
      <c r="E78" s="1" t="s">
        <v>714</v>
      </c>
      <c r="F78" s="1" t="s">
        <v>230</v>
      </c>
      <c r="G78" s="2" t="str">
        <f t="shared" si="2"/>
        <v>410</v>
      </c>
      <c r="H78" s="4">
        <v>678.18</v>
      </c>
      <c r="I78" s="2" t="s">
        <v>45</v>
      </c>
      <c r="J78" s="14">
        <v>44090</v>
      </c>
      <c r="K78" s="14">
        <v>45184</v>
      </c>
      <c r="L78" s="15"/>
    </row>
    <row r="79" spans="1:12" x14ac:dyDescent="0.3">
      <c r="A79" s="2">
        <v>76</v>
      </c>
      <c r="B79" s="3" t="s">
        <v>716</v>
      </c>
      <c r="C79" s="13" t="s">
        <v>62</v>
      </c>
      <c r="D79" s="1" t="s">
        <v>54</v>
      </c>
      <c r="E79" s="1" t="s">
        <v>714</v>
      </c>
      <c r="F79" s="1" t="s">
        <v>231</v>
      </c>
      <c r="G79" s="2" t="str">
        <f t="shared" si="2"/>
        <v>410</v>
      </c>
      <c r="H79" s="4">
        <v>747.69</v>
      </c>
      <c r="I79" s="2" t="s">
        <v>45</v>
      </c>
      <c r="J79" s="14">
        <v>44090</v>
      </c>
      <c r="K79" s="14">
        <v>45184</v>
      </c>
      <c r="L79" s="15"/>
    </row>
    <row r="80" spans="1:12" x14ac:dyDescent="0.3">
      <c r="A80" s="2">
        <v>77</v>
      </c>
      <c r="B80" s="3" t="s">
        <v>717</v>
      </c>
      <c r="C80" s="13" t="s">
        <v>62</v>
      </c>
      <c r="D80" s="1" t="s">
        <v>54</v>
      </c>
      <c r="E80" s="1" t="s">
        <v>718</v>
      </c>
      <c r="F80" s="1" t="s">
        <v>232</v>
      </c>
      <c r="G80" s="2" t="str">
        <f t="shared" si="2"/>
        <v>415</v>
      </c>
      <c r="H80" s="4">
        <v>652.03</v>
      </c>
      <c r="I80" s="2" t="s">
        <v>45</v>
      </c>
      <c r="J80" s="14">
        <v>44090</v>
      </c>
      <c r="K80" s="14">
        <v>45184</v>
      </c>
      <c r="L80" s="15"/>
    </row>
    <row r="81" spans="1:12" x14ac:dyDescent="0.3">
      <c r="A81" s="2">
        <v>78</v>
      </c>
      <c r="B81" s="3" t="s">
        <v>719</v>
      </c>
      <c r="C81" s="13" t="s">
        <v>62</v>
      </c>
      <c r="D81" s="1" t="s">
        <v>54</v>
      </c>
      <c r="E81" s="1" t="s">
        <v>718</v>
      </c>
      <c r="F81" s="1" t="s">
        <v>233</v>
      </c>
      <c r="G81" s="2" t="str">
        <f t="shared" si="2"/>
        <v>415</v>
      </c>
      <c r="H81" s="4">
        <v>669.96</v>
      </c>
      <c r="I81" s="2" t="s">
        <v>45</v>
      </c>
      <c r="J81" s="14">
        <v>44090</v>
      </c>
      <c r="K81" s="14">
        <v>45184</v>
      </c>
      <c r="L81" s="15"/>
    </row>
    <row r="82" spans="1:12" x14ac:dyDescent="0.3">
      <c r="A82" s="2">
        <v>79</v>
      </c>
      <c r="B82" s="3" t="s">
        <v>720</v>
      </c>
      <c r="C82" s="13" t="s">
        <v>62</v>
      </c>
      <c r="D82" s="1" t="s">
        <v>54</v>
      </c>
      <c r="E82" s="1" t="s">
        <v>718</v>
      </c>
      <c r="F82" s="1" t="s">
        <v>234</v>
      </c>
      <c r="G82" s="2" t="str">
        <f t="shared" si="2"/>
        <v>415</v>
      </c>
      <c r="H82" s="4">
        <v>738.68</v>
      </c>
      <c r="I82" s="2" t="s">
        <v>45</v>
      </c>
      <c r="J82" s="14">
        <v>44090</v>
      </c>
      <c r="K82" s="14">
        <v>45184</v>
      </c>
      <c r="L82" s="15"/>
    </row>
    <row r="83" spans="1:12" x14ac:dyDescent="0.3">
      <c r="A83" s="2">
        <v>80</v>
      </c>
      <c r="B83" s="3" t="s">
        <v>721</v>
      </c>
      <c r="C83" s="13" t="s">
        <v>62</v>
      </c>
      <c r="D83" s="1" t="s">
        <v>54</v>
      </c>
      <c r="E83" s="1" t="s">
        <v>722</v>
      </c>
      <c r="F83" s="1" t="s">
        <v>235</v>
      </c>
      <c r="G83" s="2" t="str">
        <f t="shared" si="2"/>
        <v>420</v>
      </c>
      <c r="H83" s="4">
        <v>644.27</v>
      </c>
      <c r="I83" s="2" t="s">
        <v>45</v>
      </c>
      <c r="J83" s="14">
        <v>44090</v>
      </c>
      <c r="K83" s="14">
        <v>45184</v>
      </c>
      <c r="L83" s="15"/>
    </row>
    <row r="84" spans="1:12" x14ac:dyDescent="0.3">
      <c r="A84" s="2">
        <v>81</v>
      </c>
      <c r="B84" s="3" t="s">
        <v>723</v>
      </c>
      <c r="C84" s="13" t="s">
        <v>62</v>
      </c>
      <c r="D84" s="1" t="s">
        <v>54</v>
      </c>
      <c r="E84" s="1" t="s">
        <v>722</v>
      </c>
      <c r="F84" s="1" t="s">
        <v>236</v>
      </c>
      <c r="G84" s="2" t="str">
        <f t="shared" si="2"/>
        <v>420</v>
      </c>
      <c r="H84" s="4">
        <v>662.03</v>
      </c>
      <c r="I84" s="2" t="s">
        <v>45</v>
      </c>
      <c r="J84" s="14">
        <v>44090</v>
      </c>
      <c r="K84" s="14">
        <v>45184</v>
      </c>
      <c r="L84" s="15"/>
    </row>
    <row r="85" spans="1:12" x14ac:dyDescent="0.3">
      <c r="A85" s="2">
        <v>82</v>
      </c>
      <c r="B85" s="3" t="s">
        <v>724</v>
      </c>
      <c r="C85" s="13" t="s">
        <v>62</v>
      </c>
      <c r="D85" s="1" t="s">
        <v>54</v>
      </c>
      <c r="E85" s="1" t="s">
        <v>722</v>
      </c>
      <c r="F85" s="1" t="s">
        <v>237</v>
      </c>
      <c r="G85" s="2" t="str">
        <f t="shared" si="2"/>
        <v>420</v>
      </c>
      <c r="H85" s="4">
        <v>729.89</v>
      </c>
      <c r="I85" s="2" t="s">
        <v>45</v>
      </c>
      <c r="J85" s="14">
        <v>44090</v>
      </c>
      <c r="K85" s="14">
        <v>45184</v>
      </c>
      <c r="L85" s="15"/>
    </row>
    <row r="86" spans="1:12" x14ac:dyDescent="0.3">
      <c r="A86" s="2">
        <v>83</v>
      </c>
      <c r="B86" s="3" t="s">
        <v>725</v>
      </c>
      <c r="C86" s="13" t="s">
        <v>62</v>
      </c>
      <c r="D86" s="1" t="s">
        <v>54</v>
      </c>
      <c r="E86" s="1" t="s">
        <v>726</v>
      </c>
      <c r="F86" s="1" t="s">
        <v>238</v>
      </c>
      <c r="G86" s="2" t="str">
        <f t="shared" si="2"/>
        <v>425</v>
      </c>
      <c r="H86" s="4">
        <v>636.69000000000005</v>
      </c>
      <c r="I86" s="2" t="s">
        <v>45</v>
      </c>
      <c r="J86" s="14">
        <v>44090</v>
      </c>
      <c r="K86" s="14">
        <v>45184</v>
      </c>
      <c r="L86" s="15"/>
    </row>
    <row r="87" spans="1:12" x14ac:dyDescent="0.3">
      <c r="A87" s="2">
        <v>84</v>
      </c>
      <c r="B87" s="3" t="s">
        <v>727</v>
      </c>
      <c r="C87" s="13" t="s">
        <v>62</v>
      </c>
      <c r="D87" s="1" t="s">
        <v>54</v>
      </c>
      <c r="E87" s="1" t="s">
        <v>726</v>
      </c>
      <c r="F87" s="1" t="s">
        <v>239</v>
      </c>
      <c r="G87" s="2" t="str">
        <f t="shared" si="2"/>
        <v>425</v>
      </c>
      <c r="H87" s="4">
        <v>654.24</v>
      </c>
      <c r="I87" s="2" t="s">
        <v>45</v>
      </c>
      <c r="J87" s="14">
        <v>44090</v>
      </c>
      <c r="K87" s="14">
        <v>45184</v>
      </c>
      <c r="L87" s="15"/>
    </row>
    <row r="88" spans="1:12" x14ac:dyDescent="0.3">
      <c r="A88" s="2">
        <v>85</v>
      </c>
      <c r="B88" s="3" t="s">
        <v>728</v>
      </c>
      <c r="C88" s="13" t="s">
        <v>62</v>
      </c>
      <c r="D88" s="1" t="s">
        <v>54</v>
      </c>
      <c r="E88" s="1" t="s">
        <v>726</v>
      </c>
      <c r="F88" s="1" t="s">
        <v>240</v>
      </c>
      <c r="G88" s="2" t="str">
        <f t="shared" si="2"/>
        <v>425</v>
      </c>
      <c r="H88" s="4">
        <v>721.3</v>
      </c>
      <c r="I88" s="2" t="s">
        <v>45</v>
      </c>
      <c r="J88" s="14">
        <v>44090</v>
      </c>
      <c r="K88" s="14">
        <v>45184</v>
      </c>
      <c r="L88" s="15"/>
    </row>
    <row r="89" spans="1:12" x14ac:dyDescent="0.3">
      <c r="A89" s="2">
        <v>86</v>
      </c>
      <c r="B89" s="3" t="s">
        <v>729</v>
      </c>
      <c r="C89" s="13" t="s">
        <v>62</v>
      </c>
      <c r="D89" s="1" t="s">
        <v>54</v>
      </c>
      <c r="E89" s="1" t="s">
        <v>730</v>
      </c>
      <c r="F89" s="1" t="s">
        <v>241</v>
      </c>
      <c r="G89" s="2" t="str">
        <f t="shared" si="2"/>
        <v>410</v>
      </c>
      <c r="H89" s="4">
        <v>659.89</v>
      </c>
      <c r="I89" s="2" t="s">
        <v>45</v>
      </c>
      <c r="J89" s="14">
        <v>44090</v>
      </c>
      <c r="K89" s="14">
        <v>45184</v>
      </c>
      <c r="L89" s="15"/>
    </row>
    <row r="90" spans="1:12" x14ac:dyDescent="0.3">
      <c r="A90" s="2">
        <v>87</v>
      </c>
      <c r="B90" s="3" t="s">
        <v>731</v>
      </c>
      <c r="C90" s="13" t="s">
        <v>62</v>
      </c>
      <c r="D90" s="1" t="s">
        <v>54</v>
      </c>
      <c r="E90" s="1" t="s">
        <v>730</v>
      </c>
      <c r="F90" s="1" t="s">
        <v>242</v>
      </c>
      <c r="G90" s="2" t="str">
        <f t="shared" si="2"/>
        <v>410</v>
      </c>
      <c r="H90" s="4">
        <v>678.08</v>
      </c>
      <c r="I90" s="2" t="s">
        <v>45</v>
      </c>
      <c r="J90" s="14">
        <v>44090</v>
      </c>
      <c r="K90" s="14">
        <v>45184</v>
      </c>
      <c r="L90" s="15"/>
    </row>
    <row r="91" spans="1:12" x14ac:dyDescent="0.3">
      <c r="A91" s="2">
        <v>88</v>
      </c>
      <c r="B91" s="3" t="s">
        <v>732</v>
      </c>
      <c r="C91" s="13" t="s">
        <v>62</v>
      </c>
      <c r="D91" s="1" t="s">
        <v>54</v>
      </c>
      <c r="E91" s="1" t="s">
        <v>730</v>
      </c>
      <c r="F91" s="1" t="s">
        <v>243</v>
      </c>
      <c r="G91" s="2" t="str">
        <f t="shared" si="2"/>
        <v>410</v>
      </c>
      <c r="H91" s="4">
        <v>747.59</v>
      </c>
      <c r="I91" s="2" t="s">
        <v>45</v>
      </c>
      <c r="J91" s="14">
        <v>44090</v>
      </c>
      <c r="K91" s="14">
        <v>45184</v>
      </c>
      <c r="L91" s="15"/>
    </row>
    <row r="92" spans="1:12" x14ac:dyDescent="0.3">
      <c r="A92" s="2">
        <v>89</v>
      </c>
      <c r="B92" s="3" t="s">
        <v>733</v>
      </c>
      <c r="C92" s="13" t="s">
        <v>62</v>
      </c>
      <c r="D92" s="1" t="s">
        <v>54</v>
      </c>
      <c r="E92" s="1" t="s">
        <v>734</v>
      </c>
      <c r="F92" s="1" t="s">
        <v>244</v>
      </c>
      <c r="G92" s="2" t="str">
        <f t="shared" si="2"/>
        <v>415</v>
      </c>
      <c r="H92" s="4">
        <v>651.94000000000005</v>
      </c>
      <c r="I92" s="2" t="s">
        <v>45</v>
      </c>
      <c r="J92" s="14">
        <v>44090</v>
      </c>
      <c r="K92" s="14">
        <v>45184</v>
      </c>
      <c r="L92" s="15"/>
    </row>
    <row r="93" spans="1:12" x14ac:dyDescent="0.3">
      <c r="A93" s="2">
        <v>90</v>
      </c>
      <c r="B93" s="3" t="s">
        <v>735</v>
      </c>
      <c r="C93" s="13" t="s">
        <v>62</v>
      </c>
      <c r="D93" s="1" t="s">
        <v>54</v>
      </c>
      <c r="E93" s="1" t="s">
        <v>734</v>
      </c>
      <c r="F93" s="1" t="s">
        <v>245</v>
      </c>
      <c r="G93" s="2" t="str">
        <f t="shared" si="2"/>
        <v>415</v>
      </c>
      <c r="H93" s="4">
        <v>669.91</v>
      </c>
      <c r="I93" s="2" t="s">
        <v>45</v>
      </c>
      <c r="J93" s="14">
        <v>44090</v>
      </c>
      <c r="K93" s="14">
        <v>45184</v>
      </c>
      <c r="L93" s="15"/>
    </row>
    <row r="94" spans="1:12" x14ac:dyDescent="0.3">
      <c r="A94" s="2">
        <v>91</v>
      </c>
      <c r="B94" s="3" t="s">
        <v>736</v>
      </c>
      <c r="C94" s="13" t="s">
        <v>62</v>
      </c>
      <c r="D94" s="1" t="s">
        <v>54</v>
      </c>
      <c r="E94" s="1" t="s">
        <v>734</v>
      </c>
      <c r="F94" s="1" t="s">
        <v>246</v>
      </c>
      <c r="G94" s="2" t="str">
        <f t="shared" si="2"/>
        <v>415</v>
      </c>
      <c r="H94" s="4">
        <v>738.59</v>
      </c>
      <c r="I94" s="2" t="s">
        <v>45</v>
      </c>
      <c r="J94" s="14">
        <v>44090</v>
      </c>
      <c r="K94" s="14">
        <v>45184</v>
      </c>
      <c r="L94" s="15"/>
    </row>
    <row r="95" spans="1:12" x14ac:dyDescent="0.3">
      <c r="A95" s="2">
        <v>92</v>
      </c>
      <c r="B95" s="3" t="s">
        <v>737</v>
      </c>
      <c r="C95" s="13" t="s">
        <v>62</v>
      </c>
      <c r="D95" s="1" t="s">
        <v>54</v>
      </c>
      <c r="E95" s="1" t="s">
        <v>738</v>
      </c>
      <c r="F95" s="1" t="s">
        <v>247</v>
      </c>
      <c r="G95" s="2" t="str">
        <f t="shared" si="2"/>
        <v>420</v>
      </c>
      <c r="H95" s="4">
        <v>644.16999999999996</v>
      </c>
      <c r="I95" s="2" t="s">
        <v>45</v>
      </c>
      <c r="J95" s="14">
        <v>44090</v>
      </c>
      <c r="K95" s="14">
        <v>45184</v>
      </c>
      <c r="L95" s="15"/>
    </row>
    <row r="96" spans="1:12" x14ac:dyDescent="0.3">
      <c r="A96" s="2">
        <v>93</v>
      </c>
      <c r="B96" s="3" t="s">
        <v>739</v>
      </c>
      <c r="C96" s="13" t="s">
        <v>62</v>
      </c>
      <c r="D96" s="1" t="s">
        <v>54</v>
      </c>
      <c r="E96" s="1" t="s">
        <v>738</v>
      </c>
      <c r="F96" s="1" t="s">
        <v>248</v>
      </c>
      <c r="G96" s="2" t="str">
        <f t="shared" si="2"/>
        <v>420</v>
      </c>
      <c r="H96" s="4">
        <v>661.94</v>
      </c>
      <c r="I96" s="2" t="s">
        <v>45</v>
      </c>
      <c r="J96" s="14">
        <v>44090</v>
      </c>
      <c r="K96" s="14">
        <v>45184</v>
      </c>
      <c r="L96" s="15"/>
    </row>
    <row r="97" spans="1:12" x14ac:dyDescent="0.3">
      <c r="A97" s="2">
        <v>94</v>
      </c>
      <c r="B97" s="3" t="s">
        <v>740</v>
      </c>
      <c r="C97" s="13" t="s">
        <v>62</v>
      </c>
      <c r="D97" s="1" t="s">
        <v>54</v>
      </c>
      <c r="E97" s="1" t="s">
        <v>738</v>
      </c>
      <c r="F97" s="1" t="s">
        <v>249</v>
      </c>
      <c r="G97" s="2" t="str">
        <f t="shared" si="2"/>
        <v>420</v>
      </c>
      <c r="H97" s="4">
        <v>729.79</v>
      </c>
      <c r="I97" s="2" t="s">
        <v>45</v>
      </c>
      <c r="J97" s="14">
        <v>44090</v>
      </c>
      <c r="K97" s="14">
        <v>45184</v>
      </c>
      <c r="L97" s="15"/>
    </row>
    <row r="98" spans="1:12" x14ac:dyDescent="0.3">
      <c r="A98" s="2">
        <v>95</v>
      </c>
      <c r="B98" s="3" t="s">
        <v>741</v>
      </c>
      <c r="C98" s="13" t="s">
        <v>62</v>
      </c>
      <c r="D98" s="1" t="s">
        <v>54</v>
      </c>
      <c r="E98" s="1" t="s">
        <v>742</v>
      </c>
      <c r="F98" s="1" t="s">
        <v>250</v>
      </c>
      <c r="G98" s="2" t="str">
        <f t="shared" si="2"/>
        <v>425</v>
      </c>
      <c r="H98" s="4">
        <v>636.6</v>
      </c>
      <c r="I98" s="2" t="s">
        <v>45</v>
      </c>
      <c r="J98" s="14">
        <v>44090</v>
      </c>
      <c r="K98" s="14">
        <v>45184</v>
      </c>
      <c r="L98" s="15"/>
    </row>
    <row r="99" spans="1:12" x14ac:dyDescent="0.3">
      <c r="A99" s="2">
        <v>96</v>
      </c>
      <c r="B99" s="3" t="s">
        <v>743</v>
      </c>
      <c r="C99" s="13" t="s">
        <v>62</v>
      </c>
      <c r="D99" s="1" t="s">
        <v>54</v>
      </c>
      <c r="E99" s="1" t="s">
        <v>742</v>
      </c>
      <c r="F99" s="1" t="s">
        <v>251</v>
      </c>
      <c r="G99" s="2" t="str">
        <f t="shared" si="2"/>
        <v>425</v>
      </c>
      <c r="H99" s="4">
        <v>654.15</v>
      </c>
      <c r="I99" s="2" t="s">
        <v>45</v>
      </c>
      <c r="J99" s="14">
        <v>44090</v>
      </c>
      <c r="K99" s="14">
        <v>45184</v>
      </c>
      <c r="L99" s="15"/>
    </row>
    <row r="100" spans="1:12" x14ac:dyDescent="0.3">
      <c r="A100" s="2">
        <v>97</v>
      </c>
      <c r="B100" s="3" t="s">
        <v>744</v>
      </c>
      <c r="C100" s="13" t="s">
        <v>62</v>
      </c>
      <c r="D100" s="1" t="s">
        <v>54</v>
      </c>
      <c r="E100" s="1" t="s">
        <v>742</v>
      </c>
      <c r="F100" s="1" t="s">
        <v>252</v>
      </c>
      <c r="G100" s="2" t="str">
        <f t="shared" ref="G100:G118" si="3">RIGHT(E100,3)</f>
        <v>425</v>
      </c>
      <c r="H100" s="4">
        <v>721.21</v>
      </c>
      <c r="I100" s="2" t="s">
        <v>45</v>
      </c>
      <c r="J100" s="14">
        <v>44090</v>
      </c>
      <c r="K100" s="14">
        <v>45184</v>
      </c>
      <c r="L100" s="15"/>
    </row>
    <row r="101" spans="1:12" x14ac:dyDescent="0.3">
      <c r="A101" s="2">
        <v>98</v>
      </c>
      <c r="B101" s="3" t="s">
        <v>745</v>
      </c>
      <c r="C101" s="13" t="s">
        <v>62</v>
      </c>
      <c r="D101" s="1" t="s">
        <v>54</v>
      </c>
      <c r="E101" s="1" t="s">
        <v>746</v>
      </c>
      <c r="F101" s="1" t="s">
        <v>253</v>
      </c>
      <c r="G101" s="2" t="str">
        <f t="shared" si="3"/>
        <v>410</v>
      </c>
      <c r="H101" s="4">
        <v>764.11</v>
      </c>
      <c r="I101" s="2" t="s">
        <v>45</v>
      </c>
      <c r="J101" s="14">
        <v>44090</v>
      </c>
      <c r="K101" s="14">
        <v>45184</v>
      </c>
      <c r="L101" s="15"/>
    </row>
    <row r="102" spans="1:12" x14ac:dyDescent="0.3">
      <c r="A102" s="2">
        <v>99</v>
      </c>
      <c r="B102" s="3" t="s">
        <v>747</v>
      </c>
      <c r="C102" s="13" t="s">
        <v>62</v>
      </c>
      <c r="D102" s="1" t="s">
        <v>54</v>
      </c>
      <c r="E102" s="1" t="s">
        <v>748</v>
      </c>
      <c r="F102" s="1" t="s">
        <v>254</v>
      </c>
      <c r="G102" s="2" t="str">
        <f t="shared" si="3"/>
        <v>415</v>
      </c>
      <c r="H102" s="4">
        <v>754.9</v>
      </c>
      <c r="I102" s="2" t="s">
        <v>45</v>
      </c>
      <c r="J102" s="14">
        <v>44090</v>
      </c>
      <c r="K102" s="14">
        <v>45184</v>
      </c>
      <c r="L102" s="15"/>
    </row>
    <row r="103" spans="1:12" x14ac:dyDescent="0.3">
      <c r="A103" s="2">
        <v>100</v>
      </c>
      <c r="B103" s="3" t="s">
        <v>749</v>
      </c>
      <c r="C103" s="13" t="s">
        <v>62</v>
      </c>
      <c r="D103" s="1" t="s">
        <v>54</v>
      </c>
      <c r="E103" s="1" t="s">
        <v>750</v>
      </c>
      <c r="F103" s="1" t="s">
        <v>255</v>
      </c>
      <c r="G103" s="2" t="str">
        <f t="shared" si="3"/>
        <v>420</v>
      </c>
      <c r="H103" s="4">
        <v>745.91</v>
      </c>
      <c r="I103" s="2" t="s">
        <v>45</v>
      </c>
      <c r="J103" s="14">
        <v>44090</v>
      </c>
      <c r="K103" s="14">
        <v>45184</v>
      </c>
      <c r="L103" s="15"/>
    </row>
    <row r="104" spans="1:12" x14ac:dyDescent="0.3">
      <c r="A104" s="2">
        <v>101</v>
      </c>
      <c r="B104" s="3" t="s">
        <v>751</v>
      </c>
      <c r="C104" s="13" t="s">
        <v>62</v>
      </c>
      <c r="D104" s="1" t="s">
        <v>54</v>
      </c>
      <c r="E104" s="1" t="s">
        <v>752</v>
      </c>
      <c r="F104" s="1" t="s">
        <v>256</v>
      </c>
      <c r="G104" s="2" t="str">
        <f t="shared" si="3"/>
        <v>425</v>
      </c>
      <c r="H104" s="4">
        <v>737.14</v>
      </c>
      <c r="I104" s="2" t="s">
        <v>45</v>
      </c>
      <c r="J104" s="14">
        <v>44090</v>
      </c>
      <c r="K104" s="14">
        <v>45184</v>
      </c>
      <c r="L104" s="15"/>
    </row>
    <row r="105" spans="1:12" x14ac:dyDescent="0.3">
      <c r="A105" s="2">
        <v>102</v>
      </c>
      <c r="B105" s="3" t="s">
        <v>753</v>
      </c>
      <c r="C105" s="13" t="s">
        <v>62</v>
      </c>
      <c r="D105" s="1" t="s">
        <v>54</v>
      </c>
      <c r="E105" s="1" t="s">
        <v>754</v>
      </c>
      <c r="F105" s="1" t="s">
        <v>257</v>
      </c>
      <c r="G105" s="2" t="str">
        <f t="shared" si="3"/>
        <v>410</v>
      </c>
      <c r="H105" s="4">
        <v>764.01</v>
      </c>
      <c r="I105" s="2" t="s">
        <v>45</v>
      </c>
      <c r="J105" s="14">
        <v>44090</v>
      </c>
      <c r="K105" s="14">
        <v>45184</v>
      </c>
      <c r="L105" s="15"/>
    </row>
    <row r="106" spans="1:12" x14ac:dyDescent="0.3">
      <c r="A106" s="2">
        <v>103</v>
      </c>
      <c r="B106" s="3" t="s">
        <v>755</v>
      </c>
      <c r="C106" s="13" t="s">
        <v>62</v>
      </c>
      <c r="D106" s="1" t="s">
        <v>54</v>
      </c>
      <c r="E106" s="1" t="s">
        <v>756</v>
      </c>
      <c r="F106" s="1" t="s">
        <v>258</v>
      </c>
      <c r="G106" s="2" t="str">
        <f t="shared" si="3"/>
        <v>415</v>
      </c>
      <c r="H106" s="4">
        <v>754.8</v>
      </c>
      <c r="I106" s="2" t="s">
        <v>45</v>
      </c>
      <c r="J106" s="14">
        <v>44090</v>
      </c>
      <c r="K106" s="14">
        <v>45184</v>
      </c>
      <c r="L106" s="15"/>
    </row>
    <row r="107" spans="1:12" x14ac:dyDescent="0.3">
      <c r="A107" s="2">
        <v>104</v>
      </c>
      <c r="B107" s="3" t="s">
        <v>757</v>
      </c>
      <c r="C107" s="13" t="s">
        <v>62</v>
      </c>
      <c r="D107" s="1" t="s">
        <v>54</v>
      </c>
      <c r="E107" s="1" t="s">
        <v>758</v>
      </c>
      <c r="F107" s="1" t="s">
        <v>259</v>
      </c>
      <c r="G107" s="2" t="str">
        <f t="shared" si="3"/>
        <v>420</v>
      </c>
      <c r="H107" s="4">
        <v>745.82</v>
      </c>
      <c r="I107" s="2" t="s">
        <v>45</v>
      </c>
      <c r="J107" s="14">
        <v>44090</v>
      </c>
      <c r="K107" s="14">
        <v>45184</v>
      </c>
      <c r="L107" s="15"/>
    </row>
    <row r="108" spans="1:12" x14ac:dyDescent="0.3">
      <c r="A108" s="2">
        <v>105</v>
      </c>
      <c r="B108" s="3" t="s">
        <v>759</v>
      </c>
      <c r="C108" s="13" t="s">
        <v>62</v>
      </c>
      <c r="D108" s="1" t="s">
        <v>54</v>
      </c>
      <c r="E108" s="1" t="s">
        <v>760</v>
      </c>
      <c r="F108" s="1" t="s">
        <v>260</v>
      </c>
      <c r="G108" s="2" t="str">
        <f t="shared" si="3"/>
        <v>425</v>
      </c>
      <c r="H108" s="4">
        <v>737.04</v>
      </c>
      <c r="I108" s="2" t="s">
        <v>45</v>
      </c>
      <c r="J108" s="14">
        <v>44090</v>
      </c>
      <c r="K108" s="14">
        <v>45184</v>
      </c>
      <c r="L108" s="15"/>
    </row>
    <row r="109" spans="1:12" x14ac:dyDescent="0.3">
      <c r="A109" s="2">
        <v>106</v>
      </c>
      <c r="B109" s="3" t="s">
        <v>761</v>
      </c>
      <c r="C109" s="13" t="s">
        <v>62</v>
      </c>
      <c r="D109" s="1" t="s">
        <v>54</v>
      </c>
      <c r="E109" s="1" t="s">
        <v>762</v>
      </c>
      <c r="F109" s="1" t="s">
        <v>261</v>
      </c>
      <c r="G109" s="2" t="str">
        <f t="shared" si="3"/>
        <v>410</v>
      </c>
      <c r="H109" s="4">
        <v>764.01</v>
      </c>
      <c r="I109" s="2" t="s">
        <v>45</v>
      </c>
      <c r="J109" s="14">
        <v>44090</v>
      </c>
      <c r="K109" s="14">
        <v>45184</v>
      </c>
      <c r="L109" s="15"/>
    </row>
    <row r="110" spans="1:12" x14ac:dyDescent="0.3">
      <c r="A110" s="2">
        <v>107</v>
      </c>
      <c r="B110" s="3" t="s">
        <v>763</v>
      </c>
      <c r="C110" s="13" t="s">
        <v>62</v>
      </c>
      <c r="D110" s="1" t="s">
        <v>54</v>
      </c>
      <c r="E110" s="1" t="s">
        <v>764</v>
      </c>
      <c r="F110" s="1" t="s">
        <v>262</v>
      </c>
      <c r="G110" s="2" t="str">
        <f t="shared" si="3"/>
        <v>415</v>
      </c>
      <c r="H110" s="4">
        <v>754.8</v>
      </c>
      <c r="I110" s="2" t="s">
        <v>45</v>
      </c>
      <c r="J110" s="14">
        <v>44090</v>
      </c>
      <c r="K110" s="14">
        <v>45184</v>
      </c>
      <c r="L110" s="15"/>
    </row>
    <row r="111" spans="1:12" x14ac:dyDescent="0.3">
      <c r="A111" s="2">
        <v>108</v>
      </c>
      <c r="B111" s="3" t="s">
        <v>765</v>
      </c>
      <c r="C111" s="13" t="s">
        <v>62</v>
      </c>
      <c r="D111" s="1" t="s">
        <v>54</v>
      </c>
      <c r="E111" s="1" t="s">
        <v>766</v>
      </c>
      <c r="F111" s="1" t="s">
        <v>263</v>
      </c>
      <c r="G111" s="2" t="str">
        <f t="shared" si="3"/>
        <v>420</v>
      </c>
      <c r="H111" s="4">
        <v>745.82</v>
      </c>
      <c r="I111" s="2" t="s">
        <v>45</v>
      </c>
      <c r="J111" s="14">
        <v>44090</v>
      </c>
      <c r="K111" s="14">
        <v>45184</v>
      </c>
      <c r="L111" s="15"/>
    </row>
    <row r="112" spans="1:12" x14ac:dyDescent="0.3">
      <c r="A112" s="2">
        <v>109</v>
      </c>
      <c r="B112" s="3" t="s">
        <v>767</v>
      </c>
      <c r="C112" s="13" t="s">
        <v>62</v>
      </c>
      <c r="D112" s="1" t="s">
        <v>54</v>
      </c>
      <c r="E112" s="1" t="s">
        <v>768</v>
      </c>
      <c r="F112" s="1" t="s">
        <v>264</v>
      </c>
      <c r="G112" s="2" t="str">
        <f t="shared" si="3"/>
        <v>425</v>
      </c>
      <c r="H112" s="4">
        <v>737.04</v>
      </c>
      <c r="I112" s="2" t="s">
        <v>45</v>
      </c>
      <c r="J112" s="14">
        <v>44090</v>
      </c>
      <c r="K112" s="14">
        <v>45184</v>
      </c>
      <c r="L112" s="15"/>
    </row>
    <row r="113" spans="1:12" x14ac:dyDescent="0.3">
      <c r="A113" s="2">
        <v>110</v>
      </c>
      <c r="B113" s="3" t="s">
        <v>769</v>
      </c>
      <c r="C113" s="13" t="s">
        <v>770</v>
      </c>
      <c r="D113" s="1" t="s">
        <v>54</v>
      </c>
      <c r="E113" s="1" t="s">
        <v>771</v>
      </c>
      <c r="F113" s="1" t="s">
        <v>265</v>
      </c>
      <c r="G113" s="2" t="str">
        <f t="shared" si="3"/>
        <v>405</v>
      </c>
      <c r="H113" s="4">
        <v>677.58</v>
      </c>
      <c r="I113" s="2" t="s">
        <v>45</v>
      </c>
      <c r="J113" s="14">
        <v>44090</v>
      </c>
      <c r="K113" s="14">
        <v>45184</v>
      </c>
      <c r="L113" s="15" t="s">
        <v>91</v>
      </c>
    </row>
    <row r="114" spans="1:12" x14ac:dyDescent="0.3">
      <c r="A114" s="2">
        <v>111</v>
      </c>
      <c r="B114" s="3" t="s">
        <v>772</v>
      </c>
      <c r="C114" s="13" t="s">
        <v>770</v>
      </c>
      <c r="D114" s="1" t="s">
        <v>54</v>
      </c>
      <c r="E114" s="1" t="s">
        <v>771</v>
      </c>
      <c r="F114" s="1" t="s">
        <v>266</v>
      </c>
      <c r="G114" s="2" t="str">
        <f t="shared" si="3"/>
        <v>405</v>
      </c>
      <c r="H114" s="4">
        <v>766.37</v>
      </c>
      <c r="I114" s="2" t="s">
        <v>45</v>
      </c>
      <c r="J114" s="14">
        <v>44090</v>
      </c>
      <c r="K114" s="14">
        <v>45184</v>
      </c>
      <c r="L114" s="15" t="s">
        <v>91</v>
      </c>
    </row>
    <row r="115" spans="1:12" x14ac:dyDescent="0.3">
      <c r="A115" s="2">
        <v>112</v>
      </c>
      <c r="B115" s="3" t="s">
        <v>773</v>
      </c>
      <c r="C115" s="13" t="s">
        <v>770</v>
      </c>
      <c r="D115" s="1" t="s">
        <v>54</v>
      </c>
      <c r="E115" s="1" t="s">
        <v>106</v>
      </c>
      <c r="F115" s="1" t="s">
        <v>267</v>
      </c>
      <c r="G115" s="2" t="str">
        <f t="shared" si="3"/>
        <v>410</v>
      </c>
      <c r="H115" s="4">
        <v>669.31</v>
      </c>
      <c r="I115" s="2" t="s">
        <v>45</v>
      </c>
      <c r="J115" s="14">
        <v>44090</v>
      </c>
      <c r="K115" s="14">
        <v>45184</v>
      </c>
      <c r="L115" s="15" t="s">
        <v>91</v>
      </c>
    </row>
    <row r="116" spans="1:12" x14ac:dyDescent="0.3">
      <c r="A116" s="2">
        <v>113</v>
      </c>
      <c r="B116" s="3" t="s">
        <v>774</v>
      </c>
      <c r="C116" s="13" t="s">
        <v>770</v>
      </c>
      <c r="D116" s="1" t="s">
        <v>54</v>
      </c>
      <c r="E116" s="1" t="s">
        <v>106</v>
      </c>
      <c r="F116" s="1" t="s">
        <v>268</v>
      </c>
      <c r="G116" s="2" t="str">
        <f t="shared" si="3"/>
        <v>410</v>
      </c>
      <c r="H116" s="4">
        <v>757.02</v>
      </c>
      <c r="I116" s="2" t="s">
        <v>45</v>
      </c>
      <c r="J116" s="14">
        <v>44090</v>
      </c>
      <c r="K116" s="14">
        <v>45184</v>
      </c>
      <c r="L116" s="15" t="s">
        <v>91</v>
      </c>
    </row>
    <row r="117" spans="1:12" x14ac:dyDescent="0.3">
      <c r="A117" s="2">
        <v>114</v>
      </c>
      <c r="B117" s="3" t="s">
        <v>775</v>
      </c>
      <c r="C117" s="13" t="s">
        <v>770</v>
      </c>
      <c r="D117" s="1" t="s">
        <v>54</v>
      </c>
      <c r="E117" s="1" t="s">
        <v>107</v>
      </c>
      <c r="F117" s="1" t="s">
        <v>269</v>
      </c>
      <c r="G117" s="2" t="str">
        <f t="shared" si="3"/>
        <v>415</v>
      </c>
      <c r="H117" s="4">
        <v>661.25</v>
      </c>
      <c r="I117" s="2" t="s">
        <v>45</v>
      </c>
      <c r="J117" s="14">
        <v>44090</v>
      </c>
      <c r="K117" s="14">
        <v>45184</v>
      </c>
      <c r="L117" s="15" t="s">
        <v>91</v>
      </c>
    </row>
    <row r="118" spans="1:12" x14ac:dyDescent="0.3">
      <c r="A118" s="2">
        <v>115</v>
      </c>
      <c r="B118" s="3" t="s">
        <v>776</v>
      </c>
      <c r="C118" s="13" t="s">
        <v>770</v>
      </c>
      <c r="D118" s="1" t="s">
        <v>54</v>
      </c>
      <c r="E118" s="1" t="s">
        <v>107</v>
      </c>
      <c r="F118" s="1" t="s">
        <v>270</v>
      </c>
      <c r="G118" s="2" t="str">
        <f t="shared" si="3"/>
        <v>415</v>
      </c>
      <c r="H118" s="4">
        <v>747.9</v>
      </c>
      <c r="I118" s="2" t="s">
        <v>45</v>
      </c>
      <c r="J118" s="14">
        <v>44090</v>
      </c>
      <c r="K118" s="14">
        <v>45184</v>
      </c>
      <c r="L118" s="15" t="s">
        <v>91</v>
      </c>
    </row>
    <row r="119" spans="1:12" x14ac:dyDescent="0.3">
      <c r="A119" s="2">
        <v>116</v>
      </c>
      <c r="B119" s="3" t="s">
        <v>777</v>
      </c>
      <c r="C119" s="13" t="s">
        <v>778</v>
      </c>
      <c r="D119" s="1" t="s">
        <v>53</v>
      </c>
      <c r="E119" s="1" t="s">
        <v>779</v>
      </c>
      <c r="F119" s="1" t="s">
        <v>271</v>
      </c>
      <c r="G119" s="2" t="str">
        <f t="shared" ref="G119:G153" si="4">MID(E119,3,3)</f>
        <v>435</v>
      </c>
      <c r="H119" s="4">
        <v>769.61</v>
      </c>
      <c r="I119" s="2" t="s">
        <v>45</v>
      </c>
      <c r="J119" s="14">
        <v>44090</v>
      </c>
      <c r="K119" s="14">
        <v>45184</v>
      </c>
      <c r="L119" s="15"/>
    </row>
    <row r="120" spans="1:12" x14ac:dyDescent="0.3">
      <c r="A120" s="2">
        <v>117</v>
      </c>
      <c r="B120" s="3" t="s">
        <v>780</v>
      </c>
      <c r="C120" s="13" t="s">
        <v>778</v>
      </c>
      <c r="D120" s="1" t="s">
        <v>53</v>
      </c>
      <c r="E120" s="1" t="s">
        <v>781</v>
      </c>
      <c r="F120" s="1" t="s">
        <v>272</v>
      </c>
      <c r="G120" s="2" t="str">
        <f t="shared" si="4"/>
        <v>430</v>
      </c>
      <c r="H120" s="4">
        <v>778.56</v>
      </c>
      <c r="I120" s="2" t="s">
        <v>45</v>
      </c>
      <c r="J120" s="14">
        <v>44090</v>
      </c>
      <c r="K120" s="14">
        <v>45184</v>
      </c>
      <c r="L120" s="15"/>
    </row>
    <row r="121" spans="1:12" x14ac:dyDescent="0.3">
      <c r="A121" s="2">
        <v>118</v>
      </c>
      <c r="B121" s="3" t="s">
        <v>782</v>
      </c>
      <c r="C121" s="13" t="s">
        <v>778</v>
      </c>
      <c r="D121" s="1" t="s">
        <v>53</v>
      </c>
      <c r="E121" s="1" t="s">
        <v>783</v>
      </c>
      <c r="F121" s="1" t="s">
        <v>273</v>
      </c>
      <c r="G121" s="2" t="str">
        <f t="shared" si="4"/>
        <v>425</v>
      </c>
      <c r="H121" s="4">
        <v>787.72</v>
      </c>
      <c r="I121" s="2" t="s">
        <v>45</v>
      </c>
      <c r="J121" s="14">
        <v>44090</v>
      </c>
      <c r="K121" s="14">
        <v>45184</v>
      </c>
      <c r="L121" s="15"/>
    </row>
    <row r="122" spans="1:12" x14ac:dyDescent="0.3">
      <c r="A122" s="2">
        <v>119</v>
      </c>
      <c r="B122" s="3" t="s">
        <v>784</v>
      </c>
      <c r="C122" s="13" t="s">
        <v>778</v>
      </c>
      <c r="D122" s="1" t="s">
        <v>53</v>
      </c>
      <c r="E122" s="1" t="s">
        <v>785</v>
      </c>
      <c r="F122" s="1" t="s">
        <v>274</v>
      </c>
      <c r="G122" s="2" t="str">
        <f t="shared" si="4"/>
        <v>390</v>
      </c>
      <c r="H122" s="4">
        <v>772.88</v>
      </c>
      <c r="I122" s="2" t="s">
        <v>45</v>
      </c>
      <c r="J122" s="14">
        <v>44090</v>
      </c>
      <c r="K122" s="14">
        <v>45184</v>
      </c>
      <c r="L122" s="15"/>
    </row>
    <row r="123" spans="1:12" x14ac:dyDescent="0.3">
      <c r="A123" s="2">
        <v>120</v>
      </c>
      <c r="B123" s="3" t="s">
        <v>786</v>
      </c>
      <c r="C123" s="13" t="s">
        <v>778</v>
      </c>
      <c r="D123" s="1" t="s">
        <v>53</v>
      </c>
      <c r="E123" s="1" t="s">
        <v>787</v>
      </c>
      <c r="F123" s="1" t="s">
        <v>275</v>
      </c>
      <c r="G123" s="2" t="str">
        <f t="shared" si="4"/>
        <v>385</v>
      </c>
      <c r="H123" s="4">
        <v>782.92</v>
      </c>
      <c r="I123" s="2" t="s">
        <v>45</v>
      </c>
      <c r="J123" s="14">
        <v>44090</v>
      </c>
      <c r="K123" s="14">
        <v>45184</v>
      </c>
      <c r="L123" s="15"/>
    </row>
    <row r="124" spans="1:12" x14ac:dyDescent="0.3">
      <c r="A124" s="2">
        <v>121</v>
      </c>
      <c r="B124" s="3" t="s">
        <v>788</v>
      </c>
      <c r="C124" s="13" t="s">
        <v>778</v>
      </c>
      <c r="D124" s="1" t="s">
        <v>53</v>
      </c>
      <c r="E124" s="1" t="s">
        <v>789</v>
      </c>
      <c r="F124" s="1" t="s">
        <v>276</v>
      </c>
      <c r="G124" s="2" t="str">
        <f t="shared" si="4"/>
        <v>405</v>
      </c>
      <c r="H124" s="4">
        <v>744.19</v>
      </c>
      <c r="I124" s="2" t="s">
        <v>45</v>
      </c>
      <c r="J124" s="14">
        <v>44090</v>
      </c>
      <c r="K124" s="14">
        <v>45184</v>
      </c>
      <c r="L124" s="15"/>
    </row>
    <row r="125" spans="1:12" x14ac:dyDescent="0.3">
      <c r="A125" s="2">
        <v>122</v>
      </c>
      <c r="B125" s="3" t="s">
        <v>790</v>
      </c>
      <c r="C125" s="13" t="s">
        <v>778</v>
      </c>
      <c r="D125" s="1" t="s">
        <v>53</v>
      </c>
      <c r="E125" s="1" t="s">
        <v>791</v>
      </c>
      <c r="F125" s="1" t="s">
        <v>277</v>
      </c>
      <c r="G125" s="2" t="str">
        <f t="shared" si="4"/>
        <v>400</v>
      </c>
      <c r="H125" s="4">
        <v>753.49</v>
      </c>
      <c r="I125" s="2" t="s">
        <v>45</v>
      </c>
      <c r="J125" s="14">
        <v>44090</v>
      </c>
      <c r="K125" s="14">
        <v>45184</v>
      </c>
      <c r="L125" s="15"/>
    </row>
    <row r="126" spans="1:12" x14ac:dyDescent="0.3">
      <c r="A126" s="2">
        <v>123</v>
      </c>
      <c r="B126" s="3" t="s">
        <v>792</v>
      </c>
      <c r="C126" s="13" t="s">
        <v>778</v>
      </c>
      <c r="D126" s="1" t="s">
        <v>53</v>
      </c>
      <c r="E126" s="1" t="s">
        <v>793</v>
      </c>
      <c r="F126" s="1" t="s">
        <v>278</v>
      </c>
      <c r="G126" s="2" t="str">
        <f t="shared" si="4"/>
        <v>395</v>
      </c>
      <c r="H126" s="4">
        <v>763.03</v>
      </c>
      <c r="I126" s="2" t="s">
        <v>45</v>
      </c>
      <c r="J126" s="14">
        <v>44090</v>
      </c>
      <c r="K126" s="14">
        <v>45184</v>
      </c>
      <c r="L126" s="15"/>
    </row>
    <row r="127" spans="1:12" x14ac:dyDescent="0.3">
      <c r="A127" s="2">
        <v>124</v>
      </c>
      <c r="B127" s="3" t="s">
        <v>794</v>
      </c>
      <c r="C127" s="13" t="s">
        <v>778</v>
      </c>
      <c r="D127" s="1" t="s">
        <v>53</v>
      </c>
      <c r="E127" s="1" t="s">
        <v>795</v>
      </c>
      <c r="F127" s="1" t="s">
        <v>279</v>
      </c>
      <c r="G127" s="2" t="str">
        <f t="shared" si="4"/>
        <v>390</v>
      </c>
      <c r="H127" s="4">
        <v>772.81</v>
      </c>
      <c r="I127" s="2" t="s">
        <v>45</v>
      </c>
      <c r="J127" s="14">
        <v>44090</v>
      </c>
      <c r="K127" s="14">
        <v>45184</v>
      </c>
      <c r="L127" s="15"/>
    </row>
    <row r="128" spans="1:12" x14ac:dyDescent="0.3">
      <c r="A128" s="2">
        <v>125</v>
      </c>
      <c r="B128" s="3" t="s">
        <v>796</v>
      </c>
      <c r="C128" s="13" t="s">
        <v>778</v>
      </c>
      <c r="D128" s="1" t="s">
        <v>53</v>
      </c>
      <c r="E128" s="1" t="s">
        <v>797</v>
      </c>
      <c r="F128" s="1" t="s">
        <v>280</v>
      </c>
      <c r="G128" s="2" t="str">
        <f t="shared" si="4"/>
        <v>385</v>
      </c>
      <c r="H128" s="4">
        <v>782.85</v>
      </c>
      <c r="I128" s="2" t="s">
        <v>45</v>
      </c>
      <c r="J128" s="14">
        <v>44090</v>
      </c>
      <c r="K128" s="14">
        <v>45184</v>
      </c>
      <c r="L128" s="15"/>
    </row>
    <row r="129" spans="1:12" x14ac:dyDescent="0.3">
      <c r="A129" s="2">
        <v>126</v>
      </c>
      <c r="B129" s="3" t="s">
        <v>798</v>
      </c>
      <c r="C129" s="13" t="s">
        <v>778</v>
      </c>
      <c r="D129" s="1" t="s">
        <v>53</v>
      </c>
      <c r="E129" s="1" t="s">
        <v>799</v>
      </c>
      <c r="F129" s="1" t="s">
        <v>281</v>
      </c>
      <c r="G129" s="2" t="str">
        <f t="shared" si="4"/>
        <v>380</v>
      </c>
      <c r="H129" s="4">
        <v>793.15</v>
      </c>
      <c r="I129" s="2" t="s">
        <v>45</v>
      </c>
      <c r="J129" s="14">
        <v>44090</v>
      </c>
      <c r="K129" s="14">
        <v>45184</v>
      </c>
      <c r="L129" s="15"/>
    </row>
    <row r="130" spans="1:12" x14ac:dyDescent="0.3">
      <c r="A130" s="2">
        <v>127</v>
      </c>
      <c r="B130" s="3" t="s">
        <v>800</v>
      </c>
      <c r="C130" s="13" t="s">
        <v>778</v>
      </c>
      <c r="D130" s="1" t="s">
        <v>53</v>
      </c>
      <c r="E130" s="1" t="s">
        <v>801</v>
      </c>
      <c r="F130" s="1" t="s">
        <v>282</v>
      </c>
      <c r="G130" s="2" t="str">
        <f t="shared" si="4"/>
        <v>395</v>
      </c>
      <c r="H130" s="4">
        <v>760.58</v>
      </c>
      <c r="I130" s="2" t="s">
        <v>45</v>
      </c>
      <c r="J130" s="14">
        <v>44090</v>
      </c>
      <c r="K130" s="14">
        <v>45184</v>
      </c>
      <c r="L130" s="15"/>
    </row>
    <row r="131" spans="1:12" x14ac:dyDescent="0.3">
      <c r="A131" s="2">
        <v>128</v>
      </c>
      <c r="B131" s="3" t="s">
        <v>802</v>
      </c>
      <c r="C131" s="13" t="s">
        <v>778</v>
      </c>
      <c r="D131" s="1" t="s">
        <v>53</v>
      </c>
      <c r="E131" s="1" t="s">
        <v>803</v>
      </c>
      <c r="F131" s="1" t="s">
        <v>283</v>
      </c>
      <c r="G131" s="2" t="str">
        <f t="shared" si="4"/>
        <v>390</v>
      </c>
      <c r="H131" s="4">
        <v>770.33</v>
      </c>
      <c r="I131" s="2" t="s">
        <v>45</v>
      </c>
      <c r="J131" s="14">
        <v>44090</v>
      </c>
      <c r="K131" s="14">
        <v>45184</v>
      </c>
      <c r="L131" s="15"/>
    </row>
    <row r="132" spans="1:12" x14ac:dyDescent="0.3">
      <c r="A132" s="2">
        <v>129</v>
      </c>
      <c r="B132" s="3" t="s">
        <v>804</v>
      </c>
      <c r="C132" s="13" t="s">
        <v>778</v>
      </c>
      <c r="D132" s="1" t="s">
        <v>53</v>
      </c>
      <c r="E132" s="1" t="s">
        <v>805</v>
      </c>
      <c r="F132" s="1" t="s">
        <v>284</v>
      </c>
      <c r="G132" s="2" t="str">
        <f t="shared" si="4"/>
        <v>385</v>
      </c>
      <c r="H132" s="4">
        <v>780.34</v>
      </c>
      <c r="I132" s="2" t="s">
        <v>45</v>
      </c>
      <c r="J132" s="14">
        <v>44090</v>
      </c>
      <c r="K132" s="14">
        <v>45184</v>
      </c>
      <c r="L132" s="15"/>
    </row>
    <row r="133" spans="1:12" x14ac:dyDescent="0.3">
      <c r="A133" s="2">
        <v>130</v>
      </c>
      <c r="B133" s="3" t="s">
        <v>806</v>
      </c>
      <c r="C133" s="13" t="s">
        <v>778</v>
      </c>
      <c r="D133" s="1" t="s">
        <v>53</v>
      </c>
      <c r="E133" s="1" t="s">
        <v>807</v>
      </c>
      <c r="F133" s="1" t="s">
        <v>285</v>
      </c>
      <c r="G133" s="2" t="str">
        <f t="shared" si="4"/>
        <v>380</v>
      </c>
      <c r="H133" s="4">
        <v>790.6</v>
      </c>
      <c r="I133" s="2" t="s">
        <v>45</v>
      </c>
      <c r="J133" s="14">
        <v>44090</v>
      </c>
      <c r="K133" s="14">
        <v>45184</v>
      </c>
      <c r="L133" s="15"/>
    </row>
    <row r="134" spans="1:12" x14ac:dyDescent="0.3">
      <c r="A134" s="2">
        <v>131</v>
      </c>
      <c r="B134" s="3" t="s">
        <v>808</v>
      </c>
      <c r="C134" s="13" t="s">
        <v>778</v>
      </c>
      <c r="D134" s="1" t="s">
        <v>53</v>
      </c>
      <c r="E134" s="1" t="s">
        <v>809</v>
      </c>
      <c r="F134" s="1" t="s">
        <v>286</v>
      </c>
      <c r="G134" s="2" t="str">
        <f t="shared" si="4"/>
        <v>375</v>
      </c>
      <c r="H134" s="4">
        <v>801.15</v>
      </c>
      <c r="I134" s="2" t="s">
        <v>45</v>
      </c>
      <c r="J134" s="14">
        <v>44090</v>
      </c>
      <c r="K134" s="14">
        <v>45184</v>
      </c>
      <c r="L134" s="15"/>
    </row>
    <row r="135" spans="1:12" x14ac:dyDescent="0.3">
      <c r="A135" s="2">
        <v>132</v>
      </c>
      <c r="B135" s="3" t="s">
        <v>810</v>
      </c>
      <c r="C135" s="13" t="s">
        <v>778</v>
      </c>
      <c r="D135" s="1" t="s">
        <v>53</v>
      </c>
      <c r="E135" s="1" t="s">
        <v>811</v>
      </c>
      <c r="F135" s="1" t="s">
        <v>287</v>
      </c>
      <c r="G135" s="2" t="str">
        <f t="shared" si="4"/>
        <v>425</v>
      </c>
      <c r="H135" s="4">
        <v>763.86</v>
      </c>
      <c r="I135" s="2" t="s">
        <v>45</v>
      </c>
      <c r="J135" s="14">
        <v>44090</v>
      </c>
      <c r="K135" s="14">
        <v>45184</v>
      </c>
      <c r="L135" s="15"/>
    </row>
    <row r="136" spans="1:12" x14ac:dyDescent="0.3">
      <c r="A136" s="2">
        <v>133</v>
      </c>
      <c r="B136" s="3" t="s">
        <v>812</v>
      </c>
      <c r="C136" s="13" t="s">
        <v>778</v>
      </c>
      <c r="D136" s="1" t="s">
        <v>53</v>
      </c>
      <c r="E136" s="1" t="s">
        <v>813</v>
      </c>
      <c r="F136" s="1" t="s">
        <v>288</v>
      </c>
      <c r="G136" s="2" t="str">
        <f t="shared" si="4"/>
        <v>420</v>
      </c>
      <c r="H136" s="4">
        <v>772.96</v>
      </c>
      <c r="I136" s="2" t="s">
        <v>45</v>
      </c>
      <c r="J136" s="14">
        <v>44090</v>
      </c>
      <c r="K136" s="14">
        <v>45184</v>
      </c>
      <c r="L136" s="15"/>
    </row>
    <row r="137" spans="1:12" x14ac:dyDescent="0.3">
      <c r="A137" s="2">
        <v>134</v>
      </c>
      <c r="B137" s="3" t="s">
        <v>814</v>
      </c>
      <c r="C137" s="13" t="s">
        <v>778</v>
      </c>
      <c r="D137" s="1" t="s">
        <v>53</v>
      </c>
      <c r="E137" s="1" t="s">
        <v>815</v>
      </c>
      <c r="F137" s="1" t="s">
        <v>289</v>
      </c>
      <c r="G137" s="2" t="str">
        <f t="shared" si="4"/>
        <v>415</v>
      </c>
      <c r="H137" s="4">
        <v>782.27</v>
      </c>
      <c r="I137" s="2" t="s">
        <v>45</v>
      </c>
      <c r="J137" s="14">
        <v>44090</v>
      </c>
      <c r="K137" s="14">
        <v>45184</v>
      </c>
      <c r="L137" s="15"/>
    </row>
    <row r="138" spans="1:12" x14ac:dyDescent="0.3">
      <c r="A138" s="2">
        <v>135</v>
      </c>
      <c r="B138" s="3" t="s">
        <v>816</v>
      </c>
      <c r="C138" s="13" t="s">
        <v>778</v>
      </c>
      <c r="D138" s="1" t="s">
        <v>53</v>
      </c>
      <c r="E138" s="1" t="s">
        <v>817</v>
      </c>
      <c r="F138" s="1" t="s">
        <v>290</v>
      </c>
      <c r="G138" s="2" t="str">
        <f t="shared" si="4"/>
        <v>410</v>
      </c>
      <c r="H138" s="4">
        <v>791.81</v>
      </c>
      <c r="I138" s="2" t="s">
        <v>45</v>
      </c>
      <c r="J138" s="14">
        <v>44090</v>
      </c>
      <c r="K138" s="14">
        <v>45184</v>
      </c>
      <c r="L138" s="15"/>
    </row>
    <row r="139" spans="1:12" x14ac:dyDescent="0.3">
      <c r="A139" s="2">
        <v>136</v>
      </c>
      <c r="B139" s="3" t="s">
        <v>818</v>
      </c>
      <c r="C139" s="13" t="s">
        <v>778</v>
      </c>
      <c r="D139" s="1" t="s">
        <v>53</v>
      </c>
      <c r="E139" s="1" t="s">
        <v>819</v>
      </c>
      <c r="F139" s="1" t="s">
        <v>291</v>
      </c>
      <c r="G139" s="2" t="str">
        <f t="shared" si="4"/>
        <v>405</v>
      </c>
      <c r="H139" s="4">
        <v>801.58</v>
      </c>
      <c r="I139" s="2" t="s">
        <v>45</v>
      </c>
      <c r="J139" s="14">
        <v>44090</v>
      </c>
      <c r="K139" s="14">
        <v>45184</v>
      </c>
      <c r="L139" s="15"/>
    </row>
    <row r="140" spans="1:12" x14ac:dyDescent="0.3">
      <c r="A140" s="2">
        <v>137</v>
      </c>
      <c r="B140" s="3" t="s">
        <v>820</v>
      </c>
      <c r="C140" s="13" t="s">
        <v>778</v>
      </c>
      <c r="D140" s="1" t="s">
        <v>53</v>
      </c>
      <c r="E140" s="1" t="s">
        <v>821</v>
      </c>
      <c r="F140" s="1" t="s">
        <v>292</v>
      </c>
      <c r="G140" s="2" t="str">
        <f t="shared" si="4"/>
        <v>375</v>
      </c>
      <c r="H140" s="4">
        <v>777.94</v>
      </c>
      <c r="I140" s="2" t="s">
        <v>45</v>
      </c>
      <c r="J140" s="14">
        <v>44090</v>
      </c>
      <c r="K140" s="14">
        <v>45184</v>
      </c>
      <c r="L140" s="15"/>
    </row>
    <row r="141" spans="1:12" x14ac:dyDescent="0.3">
      <c r="A141" s="2">
        <v>138</v>
      </c>
      <c r="B141" s="3" t="s">
        <v>822</v>
      </c>
      <c r="C141" s="13" t="s">
        <v>778</v>
      </c>
      <c r="D141" s="1" t="s">
        <v>53</v>
      </c>
      <c r="E141" s="1" t="s">
        <v>823</v>
      </c>
      <c r="F141" s="1" t="s">
        <v>293</v>
      </c>
      <c r="G141" s="2" t="str">
        <f t="shared" si="4"/>
        <v>370</v>
      </c>
      <c r="H141" s="4">
        <v>788.45</v>
      </c>
      <c r="I141" s="2" t="s">
        <v>45</v>
      </c>
      <c r="J141" s="14">
        <v>44090</v>
      </c>
      <c r="K141" s="14">
        <v>45184</v>
      </c>
      <c r="L141" s="15"/>
    </row>
    <row r="142" spans="1:12" x14ac:dyDescent="0.3">
      <c r="A142" s="2">
        <v>139</v>
      </c>
      <c r="B142" s="3" t="s">
        <v>824</v>
      </c>
      <c r="C142" s="13" t="s">
        <v>778</v>
      </c>
      <c r="D142" s="1" t="s">
        <v>53</v>
      </c>
      <c r="E142" s="1" t="s">
        <v>825</v>
      </c>
      <c r="F142" s="1" t="s">
        <v>294</v>
      </c>
      <c r="G142" s="2" t="str">
        <f t="shared" si="4"/>
        <v>365</v>
      </c>
      <c r="H142" s="4">
        <v>799.26</v>
      </c>
      <c r="I142" s="2" t="s">
        <v>45</v>
      </c>
      <c r="J142" s="14">
        <v>44090</v>
      </c>
      <c r="K142" s="14">
        <v>45184</v>
      </c>
      <c r="L142" s="15"/>
    </row>
    <row r="143" spans="1:12" x14ac:dyDescent="0.3">
      <c r="A143" s="2">
        <v>140</v>
      </c>
      <c r="B143" s="3" t="s">
        <v>826</v>
      </c>
      <c r="C143" s="13" t="s">
        <v>778</v>
      </c>
      <c r="D143" s="1" t="s">
        <v>53</v>
      </c>
      <c r="E143" s="1" t="s">
        <v>827</v>
      </c>
      <c r="F143" s="1" t="s">
        <v>295</v>
      </c>
      <c r="G143" s="2" t="str">
        <f t="shared" si="4"/>
        <v>360</v>
      </c>
      <c r="H143" s="4">
        <v>810.36</v>
      </c>
      <c r="I143" s="2" t="s">
        <v>45</v>
      </c>
      <c r="J143" s="14">
        <v>44090</v>
      </c>
      <c r="K143" s="14">
        <v>45184</v>
      </c>
      <c r="L143" s="15"/>
    </row>
    <row r="144" spans="1:12" x14ac:dyDescent="0.3">
      <c r="A144" s="2">
        <v>141</v>
      </c>
      <c r="B144" s="3" t="s">
        <v>828</v>
      </c>
      <c r="C144" s="13" t="s">
        <v>778</v>
      </c>
      <c r="D144" s="1" t="s">
        <v>53</v>
      </c>
      <c r="E144" s="1" t="s">
        <v>829</v>
      </c>
      <c r="F144" s="1" t="s">
        <v>296</v>
      </c>
      <c r="G144" s="2" t="str">
        <f t="shared" si="4"/>
        <v>355</v>
      </c>
      <c r="H144" s="4">
        <v>821.77</v>
      </c>
      <c r="I144" s="2" t="s">
        <v>45</v>
      </c>
      <c r="J144" s="14">
        <v>44090</v>
      </c>
      <c r="K144" s="14">
        <v>45184</v>
      </c>
      <c r="L144" s="15"/>
    </row>
    <row r="145" spans="1:12" x14ac:dyDescent="0.3">
      <c r="A145" s="2">
        <v>142</v>
      </c>
      <c r="B145" s="3" t="s">
        <v>830</v>
      </c>
      <c r="C145" s="13" t="s">
        <v>778</v>
      </c>
      <c r="D145" s="1" t="s">
        <v>53</v>
      </c>
      <c r="E145" s="1" t="s">
        <v>831</v>
      </c>
      <c r="F145" s="1" t="s">
        <v>297</v>
      </c>
      <c r="G145" s="2" t="str">
        <f t="shared" si="4"/>
        <v>400</v>
      </c>
      <c r="H145" s="4">
        <v>750.94</v>
      </c>
      <c r="I145" s="2" t="s">
        <v>45</v>
      </c>
      <c r="J145" s="14">
        <v>44090</v>
      </c>
      <c r="K145" s="14">
        <v>45184</v>
      </c>
      <c r="L145" s="15"/>
    </row>
    <row r="146" spans="1:12" x14ac:dyDescent="0.3">
      <c r="A146" s="2">
        <v>143</v>
      </c>
      <c r="B146" s="3" t="s">
        <v>832</v>
      </c>
      <c r="C146" s="13" t="s">
        <v>778</v>
      </c>
      <c r="D146" s="1" t="s">
        <v>53</v>
      </c>
      <c r="E146" s="1" t="s">
        <v>833</v>
      </c>
      <c r="F146" s="1" t="s">
        <v>298</v>
      </c>
      <c r="G146" s="2" t="str">
        <f t="shared" si="4"/>
        <v>395</v>
      </c>
      <c r="H146" s="4">
        <v>760.45</v>
      </c>
      <c r="I146" s="2" t="s">
        <v>45</v>
      </c>
      <c r="J146" s="14">
        <v>44090</v>
      </c>
      <c r="K146" s="14">
        <v>45184</v>
      </c>
      <c r="L146" s="15"/>
    </row>
    <row r="147" spans="1:12" x14ac:dyDescent="0.3">
      <c r="A147" s="2">
        <v>144</v>
      </c>
      <c r="B147" s="3" t="s">
        <v>834</v>
      </c>
      <c r="C147" s="13" t="s">
        <v>778</v>
      </c>
      <c r="D147" s="1" t="s">
        <v>53</v>
      </c>
      <c r="E147" s="1" t="s">
        <v>835</v>
      </c>
      <c r="F147" s="1" t="s">
        <v>299</v>
      </c>
      <c r="G147" s="2" t="str">
        <f t="shared" si="4"/>
        <v>390</v>
      </c>
      <c r="H147" s="4">
        <v>770.2</v>
      </c>
      <c r="I147" s="2" t="s">
        <v>45</v>
      </c>
      <c r="J147" s="14">
        <v>44090</v>
      </c>
      <c r="K147" s="14">
        <v>45184</v>
      </c>
      <c r="L147" s="15"/>
    </row>
    <row r="148" spans="1:12" x14ac:dyDescent="0.3">
      <c r="A148" s="2">
        <v>145</v>
      </c>
      <c r="B148" s="3" t="s">
        <v>836</v>
      </c>
      <c r="C148" s="13" t="s">
        <v>778</v>
      </c>
      <c r="D148" s="1" t="s">
        <v>53</v>
      </c>
      <c r="E148" s="1" t="s">
        <v>837</v>
      </c>
      <c r="F148" s="1" t="s">
        <v>300</v>
      </c>
      <c r="G148" s="2" t="str">
        <f t="shared" si="4"/>
        <v>385</v>
      </c>
      <c r="H148" s="4">
        <v>780.2</v>
      </c>
      <c r="I148" s="2" t="s">
        <v>45</v>
      </c>
      <c r="J148" s="14">
        <v>44090</v>
      </c>
      <c r="K148" s="14">
        <v>45184</v>
      </c>
      <c r="L148" s="15"/>
    </row>
    <row r="149" spans="1:12" x14ac:dyDescent="0.3">
      <c r="A149" s="2">
        <v>146</v>
      </c>
      <c r="B149" s="3" t="s">
        <v>838</v>
      </c>
      <c r="C149" s="13" t="s">
        <v>778</v>
      </c>
      <c r="D149" s="1" t="s">
        <v>53</v>
      </c>
      <c r="E149" s="1" t="s">
        <v>839</v>
      </c>
      <c r="F149" s="1" t="s">
        <v>301</v>
      </c>
      <c r="G149" s="2" t="str">
        <f t="shared" si="4"/>
        <v>380</v>
      </c>
      <c r="H149" s="4">
        <v>790.47</v>
      </c>
      <c r="I149" s="2" t="s">
        <v>45</v>
      </c>
      <c r="J149" s="14">
        <v>44090</v>
      </c>
      <c r="K149" s="14">
        <v>45184</v>
      </c>
      <c r="L149" s="15"/>
    </row>
    <row r="150" spans="1:12" x14ac:dyDescent="0.3">
      <c r="A150" s="2">
        <v>147</v>
      </c>
      <c r="B150" s="3" t="s">
        <v>840</v>
      </c>
      <c r="C150" s="13" t="s">
        <v>778</v>
      </c>
      <c r="D150" s="1" t="s">
        <v>53</v>
      </c>
      <c r="E150" s="1" t="s">
        <v>841</v>
      </c>
      <c r="F150" s="1" t="s">
        <v>302</v>
      </c>
      <c r="G150" s="2" t="str">
        <f t="shared" si="4"/>
        <v>400</v>
      </c>
      <c r="H150" s="4">
        <v>793.13</v>
      </c>
      <c r="I150" s="2" t="s">
        <v>45</v>
      </c>
      <c r="J150" s="14">
        <v>44090</v>
      </c>
      <c r="K150" s="14">
        <v>45184</v>
      </c>
      <c r="L150" s="15"/>
    </row>
    <row r="151" spans="1:12" x14ac:dyDescent="0.3">
      <c r="A151" s="2">
        <v>148</v>
      </c>
      <c r="B151" s="3" t="s">
        <v>842</v>
      </c>
      <c r="C151" s="13" t="s">
        <v>778</v>
      </c>
      <c r="D151" s="1" t="s">
        <v>53</v>
      </c>
      <c r="E151" s="1" t="s">
        <v>843</v>
      </c>
      <c r="F151" s="1" t="s">
        <v>303</v>
      </c>
      <c r="G151" s="2" t="str">
        <f t="shared" si="4"/>
        <v>395</v>
      </c>
      <c r="H151" s="4">
        <v>803.17</v>
      </c>
      <c r="I151" s="2" t="s">
        <v>45</v>
      </c>
      <c r="J151" s="14">
        <v>44090</v>
      </c>
      <c r="K151" s="14">
        <v>45184</v>
      </c>
      <c r="L151" s="15"/>
    </row>
    <row r="152" spans="1:12" x14ac:dyDescent="0.3">
      <c r="A152" s="2">
        <v>149</v>
      </c>
      <c r="B152" s="3" t="s">
        <v>844</v>
      </c>
      <c r="C152" s="13" t="s">
        <v>778</v>
      </c>
      <c r="D152" s="1" t="s">
        <v>53</v>
      </c>
      <c r="E152" s="1" t="s">
        <v>845</v>
      </c>
      <c r="F152" s="1" t="s">
        <v>304</v>
      </c>
      <c r="G152" s="2" t="str">
        <f t="shared" si="4"/>
        <v>390</v>
      </c>
      <c r="H152" s="4">
        <v>813.47</v>
      </c>
      <c r="I152" s="2" t="s">
        <v>45</v>
      </c>
      <c r="J152" s="14">
        <v>44090</v>
      </c>
      <c r="K152" s="14">
        <v>45184</v>
      </c>
      <c r="L152" s="15"/>
    </row>
    <row r="153" spans="1:12" x14ac:dyDescent="0.3">
      <c r="A153" s="2">
        <v>150</v>
      </c>
      <c r="B153" s="3" t="s">
        <v>846</v>
      </c>
      <c r="C153" s="13" t="s">
        <v>778</v>
      </c>
      <c r="D153" s="1" t="s">
        <v>53</v>
      </c>
      <c r="E153" s="1" t="s">
        <v>847</v>
      </c>
      <c r="F153" s="1" t="s">
        <v>305</v>
      </c>
      <c r="G153" s="2" t="str">
        <f t="shared" si="4"/>
        <v>385</v>
      </c>
      <c r="H153" s="4">
        <v>824.03</v>
      </c>
      <c r="I153" s="2" t="s">
        <v>45</v>
      </c>
      <c r="J153" s="14">
        <v>44090</v>
      </c>
      <c r="K153" s="14">
        <v>45184</v>
      </c>
      <c r="L153" s="15"/>
    </row>
    <row r="154" spans="1:12" x14ac:dyDescent="0.3">
      <c r="A154" s="2">
        <v>151</v>
      </c>
      <c r="B154" s="3" t="s">
        <v>848</v>
      </c>
      <c r="C154" s="13" t="s">
        <v>849</v>
      </c>
      <c r="D154" s="1" t="s">
        <v>114</v>
      </c>
      <c r="E154" s="1" t="s">
        <v>850</v>
      </c>
      <c r="F154" s="1" t="s">
        <v>306</v>
      </c>
      <c r="G154" s="2">
        <v>315</v>
      </c>
      <c r="H154" s="4">
        <v>785.73</v>
      </c>
      <c r="I154" s="2" t="s">
        <v>45</v>
      </c>
      <c r="J154" s="14">
        <v>44098</v>
      </c>
      <c r="K154" s="14">
        <v>45192</v>
      </c>
      <c r="L154" s="15"/>
    </row>
    <row r="155" spans="1:12" x14ac:dyDescent="0.3">
      <c r="A155" s="2">
        <v>152</v>
      </c>
      <c r="B155" s="3" t="s">
        <v>851</v>
      </c>
      <c r="C155" s="13" t="s">
        <v>849</v>
      </c>
      <c r="D155" s="1" t="s">
        <v>114</v>
      </c>
      <c r="E155" s="1" t="s">
        <v>852</v>
      </c>
      <c r="F155" s="1" t="s">
        <v>307</v>
      </c>
      <c r="G155" s="2">
        <v>320</v>
      </c>
      <c r="H155" s="4">
        <v>773.45</v>
      </c>
      <c r="I155" s="2" t="s">
        <v>45</v>
      </c>
      <c r="J155" s="14">
        <v>44098</v>
      </c>
      <c r="K155" s="14">
        <v>45192</v>
      </c>
      <c r="L155" s="15"/>
    </row>
    <row r="156" spans="1:12" x14ac:dyDescent="0.3">
      <c r="A156" s="2">
        <v>153</v>
      </c>
      <c r="B156" s="3" t="s">
        <v>853</v>
      </c>
      <c r="C156" s="13" t="s">
        <v>849</v>
      </c>
      <c r="D156" s="1" t="s">
        <v>114</v>
      </c>
      <c r="E156" s="1" t="s">
        <v>854</v>
      </c>
      <c r="F156" s="1" t="s">
        <v>308</v>
      </c>
      <c r="G156" s="2">
        <v>380</v>
      </c>
      <c r="H156" s="4">
        <v>793.52</v>
      </c>
      <c r="I156" s="2" t="s">
        <v>45</v>
      </c>
      <c r="J156" s="14">
        <v>44098</v>
      </c>
      <c r="K156" s="14">
        <v>45192</v>
      </c>
      <c r="L156" s="15"/>
    </row>
    <row r="157" spans="1:12" x14ac:dyDescent="0.3">
      <c r="A157" s="2">
        <v>154</v>
      </c>
      <c r="B157" s="3" t="s">
        <v>855</v>
      </c>
      <c r="C157" s="13" t="s">
        <v>849</v>
      </c>
      <c r="D157" s="1" t="s">
        <v>114</v>
      </c>
      <c r="E157" s="1" t="s">
        <v>856</v>
      </c>
      <c r="F157" s="1" t="s">
        <v>309</v>
      </c>
      <c r="G157" s="2">
        <v>385</v>
      </c>
      <c r="H157" s="4">
        <v>783.22</v>
      </c>
      <c r="I157" s="2" t="s">
        <v>45</v>
      </c>
      <c r="J157" s="14">
        <v>44098</v>
      </c>
      <c r="K157" s="14">
        <v>45192</v>
      </c>
      <c r="L157" s="15"/>
    </row>
    <row r="158" spans="1:12" x14ac:dyDescent="0.3">
      <c r="A158" s="2">
        <v>155</v>
      </c>
      <c r="B158" s="3" t="s">
        <v>857</v>
      </c>
      <c r="C158" s="13" t="s">
        <v>849</v>
      </c>
      <c r="D158" s="1" t="s">
        <v>114</v>
      </c>
      <c r="E158" s="1" t="s">
        <v>858</v>
      </c>
      <c r="F158" s="1" t="s">
        <v>310</v>
      </c>
      <c r="G158" s="2">
        <v>390</v>
      </c>
      <c r="H158" s="4">
        <v>773.18</v>
      </c>
      <c r="I158" s="2" t="s">
        <v>45</v>
      </c>
      <c r="J158" s="14">
        <v>44098</v>
      </c>
      <c r="K158" s="14">
        <v>45192</v>
      </c>
      <c r="L158" s="15"/>
    </row>
    <row r="159" spans="1:12" x14ac:dyDescent="0.3">
      <c r="A159" s="2">
        <v>156</v>
      </c>
      <c r="B159" s="3" t="s">
        <v>859</v>
      </c>
      <c r="C159" s="13" t="s">
        <v>849</v>
      </c>
      <c r="D159" s="1" t="s">
        <v>114</v>
      </c>
      <c r="E159" s="1" t="s">
        <v>860</v>
      </c>
      <c r="F159" s="1" t="s">
        <v>311</v>
      </c>
      <c r="G159" s="2">
        <v>420</v>
      </c>
      <c r="H159" s="4">
        <v>776.15</v>
      </c>
      <c r="I159" s="2" t="s">
        <v>45</v>
      </c>
      <c r="J159" s="14">
        <v>44098</v>
      </c>
      <c r="K159" s="14">
        <v>45192</v>
      </c>
      <c r="L159" s="15"/>
    </row>
    <row r="160" spans="1:12" x14ac:dyDescent="0.3">
      <c r="A160" s="2">
        <v>157</v>
      </c>
      <c r="B160" s="3" t="s">
        <v>861</v>
      </c>
      <c r="C160" s="13" t="s">
        <v>849</v>
      </c>
      <c r="D160" s="1" t="s">
        <v>114</v>
      </c>
      <c r="E160" s="1" t="s">
        <v>862</v>
      </c>
      <c r="F160" s="1" t="s">
        <v>312</v>
      </c>
      <c r="G160" s="2">
        <v>425</v>
      </c>
      <c r="H160" s="4">
        <v>767.02</v>
      </c>
      <c r="I160" s="2" t="s">
        <v>45</v>
      </c>
      <c r="J160" s="14">
        <v>44098</v>
      </c>
      <c r="K160" s="14">
        <v>45192</v>
      </c>
      <c r="L160" s="15"/>
    </row>
    <row r="161" spans="1:12" x14ac:dyDescent="0.3">
      <c r="A161" s="2">
        <v>158</v>
      </c>
      <c r="B161" s="3" t="s">
        <v>863</v>
      </c>
      <c r="C161" s="13" t="s">
        <v>864</v>
      </c>
      <c r="D161" s="1" t="s">
        <v>865</v>
      </c>
      <c r="E161" s="1" t="s">
        <v>866</v>
      </c>
      <c r="F161" s="1" t="s">
        <v>313</v>
      </c>
      <c r="G161" s="2">
        <v>400</v>
      </c>
      <c r="H161" s="4">
        <v>767.24</v>
      </c>
      <c r="I161" s="2" t="s">
        <v>45</v>
      </c>
      <c r="J161" s="14">
        <v>44098</v>
      </c>
      <c r="K161" s="14">
        <v>45192</v>
      </c>
      <c r="L161" s="15"/>
    </row>
    <row r="162" spans="1:12" x14ac:dyDescent="0.3">
      <c r="A162" s="2">
        <v>159</v>
      </c>
      <c r="B162" s="3" t="s">
        <v>867</v>
      </c>
      <c r="C162" s="13" t="s">
        <v>864</v>
      </c>
      <c r="D162" s="1" t="s">
        <v>865</v>
      </c>
      <c r="E162" s="1" t="s">
        <v>868</v>
      </c>
      <c r="F162" s="1" t="s">
        <v>314</v>
      </c>
      <c r="G162" s="2">
        <v>395</v>
      </c>
      <c r="H162" s="4">
        <v>776.95</v>
      </c>
      <c r="I162" s="2" t="s">
        <v>45</v>
      </c>
      <c r="J162" s="14">
        <v>44098</v>
      </c>
      <c r="K162" s="14">
        <v>45192</v>
      </c>
      <c r="L162" s="15"/>
    </row>
    <row r="163" spans="1:12" x14ac:dyDescent="0.3">
      <c r="A163" s="2">
        <v>160</v>
      </c>
      <c r="B163" s="3" t="s">
        <v>869</v>
      </c>
      <c r="C163" s="13" t="s">
        <v>864</v>
      </c>
      <c r="D163" s="1" t="s">
        <v>132</v>
      </c>
      <c r="E163" s="1" t="s">
        <v>870</v>
      </c>
      <c r="F163" s="1" t="s">
        <v>315</v>
      </c>
      <c r="G163" s="2">
        <v>400</v>
      </c>
      <c r="H163" s="4">
        <v>757.73</v>
      </c>
      <c r="I163" s="2" t="s">
        <v>45</v>
      </c>
      <c r="J163" s="14">
        <v>44098</v>
      </c>
      <c r="K163" s="14">
        <v>45192</v>
      </c>
      <c r="L163" s="15"/>
    </row>
    <row r="164" spans="1:12" x14ac:dyDescent="0.3">
      <c r="A164" s="2">
        <v>161</v>
      </c>
      <c r="B164" s="3" t="s">
        <v>871</v>
      </c>
      <c r="C164" s="13" t="s">
        <v>864</v>
      </c>
      <c r="D164" s="1" t="s">
        <v>132</v>
      </c>
      <c r="E164" s="1" t="s">
        <v>872</v>
      </c>
      <c r="F164" s="1" t="s">
        <v>316</v>
      </c>
      <c r="G164" s="2">
        <v>420</v>
      </c>
      <c r="H164" s="4">
        <v>721.26</v>
      </c>
      <c r="I164" s="2" t="s">
        <v>45</v>
      </c>
      <c r="J164" s="14">
        <v>44098</v>
      </c>
      <c r="K164" s="14">
        <v>45192</v>
      </c>
      <c r="L164" s="15"/>
    </row>
    <row r="165" spans="1:12" x14ac:dyDescent="0.3">
      <c r="A165" s="2">
        <v>162</v>
      </c>
      <c r="B165" s="3" t="s">
        <v>873</v>
      </c>
      <c r="C165" s="13" t="s">
        <v>864</v>
      </c>
      <c r="D165" s="1" t="s">
        <v>132</v>
      </c>
      <c r="E165" s="1" t="s">
        <v>874</v>
      </c>
      <c r="F165" s="1" t="s">
        <v>317</v>
      </c>
      <c r="G165" s="2">
        <v>415</v>
      </c>
      <c r="H165" s="4">
        <v>729.95</v>
      </c>
      <c r="I165" s="2" t="s">
        <v>45</v>
      </c>
      <c r="J165" s="14">
        <v>44098</v>
      </c>
      <c r="K165" s="14">
        <v>45192</v>
      </c>
      <c r="L165" s="15"/>
    </row>
    <row r="166" spans="1:12" x14ac:dyDescent="0.3">
      <c r="A166" s="2">
        <v>163</v>
      </c>
      <c r="B166" s="3" t="s">
        <v>875</v>
      </c>
      <c r="C166" s="13" t="s">
        <v>864</v>
      </c>
      <c r="D166" s="1" t="s">
        <v>132</v>
      </c>
      <c r="E166" s="1" t="s">
        <v>876</v>
      </c>
      <c r="F166" s="1" t="s">
        <v>318</v>
      </c>
      <c r="G166" s="2">
        <v>420</v>
      </c>
      <c r="H166" s="4">
        <v>722.33</v>
      </c>
      <c r="I166" s="2" t="s">
        <v>45</v>
      </c>
      <c r="J166" s="14">
        <v>44098</v>
      </c>
      <c r="K166" s="14">
        <v>45192</v>
      </c>
      <c r="L166" s="15"/>
    </row>
    <row r="167" spans="1:12" x14ac:dyDescent="0.3">
      <c r="A167" s="2">
        <v>164</v>
      </c>
      <c r="B167" s="3" t="s">
        <v>877</v>
      </c>
      <c r="C167" s="13" t="s">
        <v>864</v>
      </c>
      <c r="D167" s="1" t="s">
        <v>132</v>
      </c>
      <c r="E167" s="1" t="s">
        <v>878</v>
      </c>
      <c r="F167" s="1" t="s">
        <v>319</v>
      </c>
      <c r="G167" s="2">
        <v>415</v>
      </c>
      <c r="H167" s="4">
        <v>731.03</v>
      </c>
      <c r="I167" s="2" t="s">
        <v>45</v>
      </c>
      <c r="J167" s="14">
        <v>44098</v>
      </c>
      <c r="K167" s="14">
        <v>45192</v>
      </c>
      <c r="L167" s="15"/>
    </row>
    <row r="168" spans="1:12" x14ac:dyDescent="0.3">
      <c r="A168" s="2">
        <v>165</v>
      </c>
      <c r="B168" s="3" t="s">
        <v>879</v>
      </c>
      <c r="C168" s="13" t="s">
        <v>880</v>
      </c>
      <c r="D168" s="1" t="s">
        <v>56</v>
      </c>
      <c r="E168" s="1" t="s">
        <v>881</v>
      </c>
      <c r="F168" s="1" t="s">
        <v>320</v>
      </c>
      <c r="G168" s="2">
        <v>445</v>
      </c>
      <c r="H168" s="4">
        <v>784.41</v>
      </c>
      <c r="I168" s="2" t="s">
        <v>45</v>
      </c>
      <c r="J168" s="14">
        <v>44098</v>
      </c>
      <c r="K168" s="14">
        <v>45192</v>
      </c>
      <c r="L168" s="15"/>
    </row>
    <row r="169" spans="1:12" x14ac:dyDescent="0.3">
      <c r="A169" s="2">
        <v>166</v>
      </c>
      <c r="B169" s="3" t="s">
        <v>882</v>
      </c>
      <c r="C169" s="13" t="s">
        <v>880</v>
      </c>
      <c r="D169" s="1" t="s">
        <v>56</v>
      </c>
      <c r="E169" s="1" t="s">
        <v>883</v>
      </c>
      <c r="F169" s="1" t="s">
        <v>321</v>
      </c>
      <c r="G169" s="2">
        <v>440</v>
      </c>
      <c r="H169" s="4">
        <v>793.32</v>
      </c>
      <c r="I169" s="2" t="s">
        <v>45</v>
      </c>
      <c r="J169" s="14">
        <v>44098</v>
      </c>
      <c r="K169" s="14">
        <v>45192</v>
      </c>
      <c r="L169" s="15"/>
    </row>
    <row r="170" spans="1:12" x14ac:dyDescent="0.3">
      <c r="A170" s="2">
        <v>167</v>
      </c>
      <c r="B170" s="3" t="s">
        <v>884</v>
      </c>
      <c r="C170" s="13" t="s">
        <v>880</v>
      </c>
      <c r="D170" s="1" t="s">
        <v>56</v>
      </c>
      <c r="E170" s="1" t="s">
        <v>885</v>
      </c>
      <c r="F170" s="1" t="s">
        <v>322</v>
      </c>
      <c r="G170" s="2">
        <v>435</v>
      </c>
      <c r="H170" s="4">
        <v>802.44</v>
      </c>
      <c r="I170" s="2" t="s">
        <v>45</v>
      </c>
      <c r="J170" s="14">
        <v>44098</v>
      </c>
      <c r="K170" s="14">
        <v>45192</v>
      </c>
      <c r="L170" s="15"/>
    </row>
    <row r="171" spans="1:12" x14ac:dyDescent="0.3">
      <c r="A171" s="2">
        <v>168</v>
      </c>
      <c r="B171" s="3" t="s">
        <v>886</v>
      </c>
      <c r="C171" s="13" t="s">
        <v>880</v>
      </c>
      <c r="D171" s="1" t="s">
        <v>56</v>
      </c>
      <c r="E171" s="1" t="s">
        <v>887</v>
      </c>
      <c r="F171" s="1" t="s">
        <v>323</v>
      </c>
      <c r="G171" s="2">
        <v>430</v>
      </c>
      <c r="H171" s="4">
        <v>811.77</v>
      </c>
      <c r="I171" s="2" t="s">
        <v>45</v>
      </c>
      <c r="J171" s="14">
        <v>44098</v>
      </c>
      <c r="K171" s="14">
        <v>45192</v>
      </c>
      <c r="L171" s="15"/>
    </row>
    <row r="172" spans="1:12" x14ac:dyDescent="0.3">
      <c r="A172" s="2">
        <v>169</v>
      </c>
      <c r="B172" s="3" t="s">
        <v>888</v>
      </c>
      <c r="C172" s="13" t="s">
        <v>880</v>
      </c>
      <c r="D172" s="1" t="s">
        <v>56</v>
      </c>
      <c r="E172" s="1" t="s">
        <v>889</v>
      </c>
      <c r="F172" s="1" t="s">
        <v>324</v>
      </c>
      <c r="G172" s="2">
        <v>425</v>
      </c>
      <c r="H172" s="4">
        <v>821.32</v>
      </c>
      <c r="I172" s="2" t="s">
        <v>45</v>
      </c>
      <c r="J172" s="14">
        <v>44098</v>
      </c>
      <c r="K172" s="14">
        <v>45192</v>
      </c>
      <c r="L172" s="15"/>
    </row>
    <row r="173" spans="1:12" x14ac:dyDescent="0.3">
      <c r="A173" s="2">
        <v>170</v>
      </c>
      <c r="B173" s="3" t="s">
        <v>890</v>
      </c>
      <c r="C173" s="13" t="s">
        <v>880</v>
      </c>
      <c r="D173" s="1" t="s">
        <v>56</v>
      </c>
      <c r="E173" s="1" t="s">
        <v>891</v>
      </c>
      <c r="F173" s="1" t="s">
        <v>325</v>
      </c>
      <c r="G173" s="2">
        <v>450</v>
      </c>
      <c r="H173" s="4">
        <v>779.64</v>
      </c>
      <c r="I173" s="2" t="s">
        <v>45</v>
      </c>
      <c r="J173" s="14">
        <v>44098</v>
      </c>
      <c r="K173" s="14">
        <v>45192</v>
      </c>
      <c r="L173" s="15"/>
    </row>
    <row r="174" spans="1:12" x14ac:dyDescent="0.3">
      <c r="A174" s="2">
        <v>171</v>
      </c>
      <c r="B174" s="3" t="s">
        <v>892</v>
      </c>
      <c r="C174" s="13" t="s">
        <v>880</v>
      </c>
      <c r="D174" s="1" t="s">
        <v>56</v>
      </c>
      <c r="E174" s="1" t="s">
        <v>893</v>
      </c>
      <c r="F174" s="1" t="s">
        <v>326</v>
      </c>
      <c r="G174" s="2">
        <v>445</v>
      </c>
      <c r="H174" s="4">
        <v>788.4</v>
      </c>
      <c r="I174" s="2" t="s">
        <v>45</v>
      </c>
      <c r="J174" s="14">
        <v>44098</v>
      </c>
      <c r="K174" s="14">
        <v>45192</v>
      </c>
      <c r="L174" s="15"/>
    </row>
    <row r="175" spans="1:12" x14ac:dyDescent="0.3">
      <c r="A175" s="2">
        <v>172</v>
      </c>
      <c r="B175" s="3" t="s">
        <v>894</v>
      </c>
      <c r="C175" s="13" t="s">
        <v>880</v>
      </c>
      <c r="D175" s="1" t="s">
        <v>56</v>
      </c>
      <c r="E175" s="1" t="s">
        <v>76</v>
      </c>
      <c r="F175" s="1" t="s">
        <v>327</v>
      </c>
      <c r="G175" s="2">
        <v>440</v>
      </c>
      <c r="H175" s="4">
        <v>797.35</v>
      </c>
      <c r="I175" s="2" t="s">
        <v>45</v>
      </c>
      <c r="J175" s="14">
        <v>44098</v>
      </c>
      <c r="K175" s="14">
        <v>45192</v>
      </c>
      <c r="L175" s="15"/>
    </row>
    <row r="176" spans="1:12" x14ac:dyDescent="0.3">
      <c r="A176" s="2">
        <v>173</v>
      </c>
      <c r="B176" s="3" t="s">
        <v>895</v>
      </c>
      <c r="C176" s="13" t="s">
        <v>880</v>
      </c>
      <c r="D176" s="1" t="s">
        <v>56</v>
      </c>
      <c r="E176" s="1" t="s">
        <v>75</v>
      </c>
      <c r="F176" s="1" t="s">
        <v>328</v>
      </c>
      <c r="G176" s="2">
        <v>435</v>
      </c>
      <c r="H176" s="4">
        <v>806.52</v>
      </c>
      <c r="I176" s="2" t="s">
        <v>45</v>
      </c>
      <c r="J176" s="14">
        <v>44098</v>
      </c>
      <c r="K176" s="14">
        <v>45192</v>
      </c>
      <c r="L176" s="15"/>
    </row>
    <row r="177" spans="1:12" x14ac:dyDescent="0.3">
      <c r="A177" s="2">
        <v>174</v>
      </c>
      <c r="B177" s="3" t="s">
        <v>896</v>
      </c>
      <c r="C177" s="13" t="s">
        <v>880</v>
      </c>
      <c r="D177" s="1" t="s">
        <v>56</v>
      </c>
      <c r="E177" s="1" t="s">
        <v>74</v>
      </c>
      <c r="F177" s="1" t="s">
        <v>329</v>
      </c>
      <c r="G177" s="2">
        <v>430</v>
      </c>
      <c r="H177" s="4">
        <v>815.9</v>
      </c>
      <c r="I177" s="2" t="s">
        <v>45</v>
      </c>
      <c r="J177" s="14">
        <v>44098</v>
      </c>
      <c r="K177" s="14">
        <v>45192</v>
      </c>
      <c r="L177" s="15"/>
    </row>
    <row r="178" spans="1:12" x14ac:dyDescent="0.3">
      <c r="A178" s="2">
        <v>175</v>
      </c>
      <c r="B178" s="3" t="s">
        <v>897</v>
      </c>
      <c r="C178" s="13" t="s">
        <v>880</v>
      </c>
      <c r="D178" s="1" t="s">
        <v>56</v>
      </c>
      <c r="E178" s="1" t="s">
        <v>73</v>
      </c>
      <c r="F178" s="1" t="s">
        <v>330</v>
      </c>
      <c r="G178" s="2">
        <v>425</v>
      </c>
      <c r="H178" s="4">
        <v>825.5</v>
      </c>
      <c r="I178" s="2" t="s">
        <v>45</v>
      </c>
      <c r="J178" s="14">
        <v>44098</v>
      </c>
      <c r="K178" s="14">
        <v>45192</v>
      </c>
      <c r="L178" s="15"/>
    </row>
    <row r="179" spans="1:12" x14ac:dyDescent="0.3">
      <c r="A179" s="2">
        <v>176</v>
      </c>
      <c r="B179" s="3" t="s">
        <v>898</v>
      </c>
      <c r="C179" s="13" t="s">
        <v>880</v>
      </c>
      <c r="D179" s="1" t="s">
        <v>56</v>
      </c>
      <c r="E179" s="1" t="s">
        <v>899</v>
      </c>
      <c r="F179" s="1" t="s">
        <v>331</v>
      </c>
      <c r="G179" s="2">
        <v>380</v>
      </c>
      <c r="H179" s="4">
        <v>794.92</v>
      </c>
      <c r="I179" s="2" t="s">
        <v>45</v>
      </c>
      <c r="J179" s="14">
        <v>44098</v>
      </c>
      <c r="K179" s="14">
        <v>45192</v>
      </c>
      <c r="L179" s="15"/>
    </row>
    <row r="180" spans="1:12" x14ac:dyDescent="0.3">
      <c r="A180" s="2">
        <v>177</v>
      </c>
      <c r="B180" s="3" t="s">
        <v>900</v>
      </c>
      <c r="C180" s="13" t="s">
        <v>880</v>
      </c>
      <c r="D180" s="1" t="s">
        <v>56</v>
      </c>
      <c r="E180" s="1" t="s">
        <v>901</v>
      </c>
      <c r="F180" s="1" t="s">
        <v>332</v>
      </c>
      <c r="G180" s="2">
        <v>375</v>
      </c>
      <c r="H180" s="4">
        <v>805.52</v>
      </c>
      <c r="I180" s="2" t="s">
        <v>45</v>
      </c>
      <c r="J180" s="14">
        <v>44098</v>
      </c>
      <c r="K180" s="14">
        <v>45192</v>
      </c>
      <c r="L180" s="15"/>
    </row>
    <row r="181" spans="1:12" x14ac:dyDescent="0.3">
      <c r="A181" s="2">
        <v>178</v>
      </c>
      <c r="B181" s="3" t="s">
        <v>902</v>
      </c>
      <c r="C181" s="13" t="s">
        <v>880</v>
      </c>
      <c r="D181" s="1" t="s">
        <v>56</v>
      </c>
      <c r="E181" s="1" t="s">
        <v>903</v>
      </c>
      <c r="F181" s="1" t="s">
        <v>333</v>
      </c>
      <c r="G181" s="2">
        <v>370</v>
      </c>
      <c r="H181" s="4">
        <v>816.41</v>
      </c>
      <c r="I181" s="2" t="s">
        <v>45</v>
      </c>
      <c r="J181" s="14">
        <v>44098</v>
      </c>
      <c r="K181" s="14">
        <v>45192</v>
      </c>
      <c r="L181" s="15"/>
    </row>
    <row r="182" spans="1:12" x14ac:dyDescent="0.3">
      <c r="A182" s="2">
        <v>179</v>
      </c>
      <c r="B182" s="3" t="s">
        <v>904</v>
      </c>
      <c r="C182" s="13" t="s">
        <v>880</v>
      </c>
      <c r="D182" s="1" t="s">
        <v>56</v>
      </c>
      <c r="E182" s="1" t="s">
        <v>905</v>
      </c>
      <c r="F182" s="1" t="s">
        <v>334</v>
      </c>
      <c r="G182" s="2">
        <v>365</v>
      </c>
      <c r="H182" s="4">
        <v>827.59</v>
      </c>
      <c r="I182" s="2" t="s">
        <v>45</v>
      </c>
      <c r="J182" s="14">
        <v>44098</v>
      </c>
      <c r="K182" s="14">
        <v>45192</v>
      </c>
      <c r="L182" s="15"/>
    </row>
    <row r="183" spans="1:12" x14ac:dyDescent="0.3">
      <c r="A183" s="2">
        <v>180</v>
      </c>
      <c r="B183" s="3" t="s">
        <v>906</v>
      </c>
      <c r="C183" s="13" t="s">
        <v>907</v>
      </c>
      <c r="D183" s="1" t="s">
        <v>56</v>
      </c>
      <c r="E183" s="1" t="s">
        <v>57</v>
      </c>
      <c r="F183" s="1" t="s">
        <v>335</v>
      </c>
      <c r="G183" s="2">
        <v>400</v>
      </c>
      <c r="H183" s="4">
        <v>669.24</v>
      </c>
      <c r="I183" s="2" t="s">
        <v>45</v>
      </c>
      <c r="J183" s="14">
        <v>44098</v>
      </c>
      <c r="K183" s="14">
        <v>45192</v>
      </c>
      <c r="L183" s="15"/>
    </row>
    <row r="184" spans="1:12" x14ac:dyDescent="0.3">
      <c r="A184" s="2">
        <v>181</v>
      </c>
      <c r="B184" s="3" t="s">
        <v>908</v>
      </c>
      <c r="C184" s="13" t="s">
        <v>907</v>
      </c>
      <c r="D184" s="1" t="s">
        <v>56</v>
      </c>
      <c r="E184" s="1" t="s">
        <v>57</v>
      </c>
      <c r="F184" s="1" t="s">
        <v>336</v>
      </c>
      <c r="G184" s="2">
        <v>400</v>
      </c>
      <c r="H184" s="4">
        <v>742.25</v>
      </c>
      <c r="I184" s="2" t="s">
        <v>45</v>
      </c>
      <c r="J184" s="14">
        <v>44098</v>
      </c>
      <c r="K184" s="14">
        <v>45192</v>
      </c>
      <c r="L184" s="15"/>
    </row>
    <row r="185" spans="1:12" x14ac:dyDescent="0.3">
      <c r="A185" s="2">
        <v>182</v>
      </c>
      <c r="B185" s="3" t="s">
        <v>909</v>
      </c>
      <c r="C185" s="13" t="s">
        <v>907</v>
      </c>
      <c r="D185" s="1" t="s">
        <v>56</v>
      </c>
      <c r="E185" s="1" t="s">
        <v>58</v>
      </c>
      <c r="F185" s="1" t="s">
        <v>337</v>
      </c>
      <c r="G185" s="2">
        <v>395</v>
      </c>
      <c r="H185" s="4">
        <v>751.65</v>
      </c>
      <c r="I185" s="2" t="s">
        <v>45</v>
      </c>
      <c r="J185" s="14">
        <v>44098</v>
      </c>
      <c r="K185" s="14">
        <v>45192</v>
      </c>
      <c r="L185" s="15"/>
    </row>
    <row r="186" spans="1:12" x14ac:dyDescent="0.3">
      <c r="A186" s="2">
        <v>183</v>
      </c>
      <c r="B186" s="3" t="s">
        <v>910</v>
      </c>
      <c r="C186" s="13" t="s">
        <v>907</v>
      </c>
      <c r="D186" s="1" t="s">
        <v>56</v>
      </c>
      <c r="E186" s="1" t="s">
        <v>59</v>
      </c>
      <c r="F186" s="1" t="s">
        <v>338</v>
      </c>
      <c r="G186" s="2">
        <v>390</v>
      </c>
      <c r="H186" s="4">
        <v>761.28</v>
      </c>
      <c r="I186" s="2" t="s">
        <v>45</v>
      </c>
      <c r="J186" s="14">
        <v>44098</v>
      </c>
      <c r="K186" s="14">
        <v>45192</v>
      </c>
      <c r="L186" s="15"/>
    </row>
    <row r="187" spans="1:12" x14ac:dyDescent="0.3">
      <c r="A187" s="2">
        <v>184</v>
      </c>
      <c r="B187" s="3" t="s">
        <v>911</v>
      </c>
      <c r="C187" s="13" t="s">
        <v>849</v>
      </c>
      <c r="D187" s="1" t="s">
        <v>114</v>
      </c>
      <c r="E187" s="1" t="s">
        <v>92</v>
      </c>
      <c r="F187" s="1" t="s">
        <v>339</v>
      </c>
      <c r="G187" s="2">
        <v>325</v>
      </c>
      <c r="H187" s="4">
        <v>668.23</v>
      </c>
      <c r="I187" s="2" t="s">
        <v>45</v>
      </c>
      <c r="J187" s="14">
        <v>44098</v>
      </c>
      <c r="K187" s="14">
        <v>45192</v>
      </c>
      <c r="L187" s="15"/>
    </row>
    <row r="188" spans="1:12" x14ac:dyDescent="0.3">
      <c r="A188" s="2">
        <v>185</v>
      </c>
      <c r="B188" s="3" t="s">
        <v>912</v>
      </c>
      <c r="C188" s="13" t="s">
        <v>849</v>
      </c>
      <c r="D188" s="1" t="s">
        <v>114</v>
      </c>
      <c r="E188" s="1" t="s">
        <v>913</v>
      </c>
      <c r="F188" s="1" t="s">
        <v>61</v>
      </c>
      <c r="G188" s="2">
        <v>395</v>
      </c>
      <c r="H188" s="4">
        <v>668.4</v>
      </c>
      <c r="I188" s="2" t="s">
        <v>45</v>
      </c>
      <c r="J188" s="14">
        <v>44098</v>
      </c>
      <c r="K188" s="14">
        <v>45192</v>
      </c>
      <c r="L188" s="15"/>
    </row>
    <row r="189" spans="1:12" x14ac:dyDescent="0.3">
      <c r="A189" s="2">
        <v>186</v>
      </c>
      <c r="B189" s="3" t="s">
        <v>914</v>
      </c>
      <c r="C189" s="13" t="s">
        <v>849</v>
      </c>
      <c r="D189" s="1" t="s">
        <v>114</v>
      </c>
      <c r="E189" s="1" t="s">
        <v>93</v>
      </c>
      <c r="F189" s="1" t="s">
        <v>340</v>
      </c>
      <c r="G189" s="2">
        <v>430</v>
      </c>
      <c r="H189" s="4">
        <v>667.14</v>
      </c>
      <c r="I189" s="2" t="s">
        <v>45</v>
      </c>
      <c r="J189" s="14">
        <v>44098</v>
      </c>
      <c r="K189" s="14">
        <v>45192</v>
      </c>
      <c r="L189" s="15"/>
    </row>
    <row r="190" spans="1:12" x14ac:dyDescent="0.3">
      <c r="A190" s="2">
        <v>187</v>
      </c>
      <c r="B190" s="3" t="s">
        <v>915</v>
      </c>
      <c r="C190" s="13" t="s">
        <v>112</v>
      </c>
      <c r="D190" s="1" t="s">
        <v>137</v>
      </c>
      <c r="E190" s="1" t="s">
        <v>916</v>
      </c>
      <c r="F190" s="1" t="s">
        <v>341</v>
      </c>
      <c r="G190" s="2">
        <v>540</v>
      </c>
      <c r="H190" s="4">
        <v>818.15</v>
      </c>
      <c r="I190" s="2" t="s">
        <v>45</v>
      </c>
      <c r="J190" s="14">
        <v>44167</v>
      </c>
      <c r="K190" s="14">
        <v>45261</v>
      </c>
      <c r="L190" s="15"/>
    </row>
    <row r="191" spans="1:12" x14ac:dyDescent="0.3">
      <c r="A191" s="2">
        <v>188</v>
      </c>
      <c r="B191" s="3" t="s">
        <v>917</v>
      </c>
      <c r="C191" s="13" t="s">
        <v>112</v>
      </c>
      <c r="D191" s="1" t="s">
        <v>137</v>
      </c>
      <c r="E191" s="1" t="s">
        <v>918</v>
      </c>
      <c r="F191" s="1" t="s">
        <v>342</v>
      </c>
      <c r="G191" s="2">
        <v>545</v>
      </c>
      <c r="H191" s="4">
        <v>812.48</v>
      </c>
      <c r="I191" s="2" t="s">
        <v>45</v>
      </c>
      <c r="J191" s="14">
        <v>44167</v>
      </c>
      <c r="K191" s="14">
        <v>45261</v>
      </c>
      <c r="L191" s="15"/>
    </row>
    <row r="192" spans="1:12" x14ac:dyDescent="0.3">
      <c r="A192" s="2">
        <v>189</v>
      </c>
      <c r="B192" s="3" t="s">
        <v>919</v>
      </c>
      <c r="C192" s="13" t="s">
        <v>112</v>
      </c>
      <c r="D192" s="1" t="s">
        <v>137</v>
      </c>
      <c r="E192" s="1" t="s">
        <v>920</v>
      </c>
      <c r="F192" s="1" t="s">
        <v>343</v>
      </c>
      <c r="G192" s="2">
        <v>550</v>
      </c>
      <c r="H192" s="4">
        <v>803.02</v>
      </c>
      <c r="I192" s="2" t="s">
        <v>45</v>
      </c>
      <c r="J192" s="14">
        <v>44167</v>
      </c>
      <c r="K192" s="14">
        <v>45261</v>
      </c>
      <c r="L192" s="15"/>
    </row>
    <row r="193" spans="1:12" x14ac:dyDescent="0.3">
      <c r="A193" s="2">
        <v>190</v>
      </c>
      <c r="B193" s="3" t="s">
        <v>921</v>
      </c>
      <c r="C193" s="13" t="s">
        <v>113</v>
      </c>
      <c r="D193" s="1" t="s">
        <v>922</v>
      </c>
      <c r="E193" s="1" t="s">
        <v>923</v>
      </c>
      <c r="F193" s="1" t="s">
        <v>344</v>
      </c>
      <c r="G193" s="2">
        <v>315</v>
      </c>
      <c r="H193" s="4">
        <v>815.76</v>
      </c>
      <c r="I193" s="2" t="s">
        <v>45</v>
      </c>
      <c r="J193" s="14">
        <v>44167</v>
      </c>
      <c r="K193" s="14">
        <v>45261</v>
      </c>
      <c r="L193" s="15"/>
    </row>
    <row r="194" spans="1:12" x14ac:dyDescent="0.3">
      <c r="A194" s="2">
        <v>191</v>
      </c>
      <c r="B194" s="3" t="s">
        <v>924</v>
      </c>
      <c r="C194" s="13" t="s">
        <v>113</v>
      </c>
      <c r="D194" s="1" t="s">
        <v>922</v>
      </c>
      <c r="E194" s="1" t="s">
        <v>925</v>
      </c>
      <c r="F194" s="1" t="s">
        <v>345</v>
      </c>
      <c r="G194" s="2">
        <v>320</v>
      </c>
      <c r="H194" s="4">
        <v>803.02</v>
      </c>
      <c r="I194" s="2" t="s">
        <v>45</v>
      </c>
      <c r="J194" s="14">
        <v>44167</v>
      </c>
      <c r="K194" s="14">
        <v>45261</v>
      </c>
      <c r="L194" s="15"/>
    </row>
    <row r="195" spans="1:12" x14ac:dyDescent="0.3">
      <c r="A195" s="2">
        <v>192</v>
      </c>
      <c r="B195" s="3" t="s">
        <v>926</v>
      </c>
      <c r="C195" s="13" t="s">
        <v>113</v>
      </c>
      <c r="D195" s="1" t="s">
        <v>922</v>
      </c>
      <c r="E195" s="1" t="s">
        <v>927</v>
      </c>
      <c r="F195" s="1" t="s">
        <v>346</v>
      </c>
      <c r="G195" s="2">
        <v>315</v>
      </c>
      <c r="H195" s="4">
        <v>811.62</v>
      </c>
      <c r="I195" s="2" t="s">
        <v>45</v>
      </c>
      <c r="J195" s="14">
        <v>44167</v>
      </c>
      <c r="K195" s="14">
        <v>45261</v>
      </c>
      <c r="L195" s="15"/>
    </row>
    <row r="196" spans="1:12" x14ac:dyDescent="0.3">
      <c r="A196" s="2">
        <v>193</v>
      </c>
      <c r="B196" s="3" t="s">
        <v>928</v>
      </c>
      <c r="C196" s="13" t="s">
        <v>113</v>
      </c>
      <c r="D196" s="1" t="s">
        <v>922</v>
      </c>
      <c r="E196" s="1" t="s">
        <v>929</v>
      </c>
      <c r="F196" s="1" t="s">
        <v>347</v>
      </c>
      <c r="G196" s="2">
        <v>320</v>
      </c>
      <c r="H196" s="4">
        <v>798.94</v>
      </c>
      <c r="I196" s="2" t="s">
        <v>45</v>
      </c>
      <c r="J196" s="14">
        <v>44167</v>
      </c>
      <c r="K196" s="14">
        <v>45261</v>
      </c>
      <c r="L196" s="15"/>
    </row>
    <row r="197" spans="1:12" x14ac:dyDescent="0.3">
      <c r="A197" s="2">
        <v>194</v>
      </c>
      <c r="B197" s="3" t="s">
        <v>930</v>
      </c>
      <c r="C197" s="13" t="s">
        <v>113</v>
      </c>
      <c r="D197" s="1" t="s">
        <v>922</v>
      </c>
      <c r="E197" s="1" t="s">
        <v>931</v>
      </c>
      <c r="F197" s="1" t="s">
        <v>348</v>
      </c>
      <c r="G197" s="2">
        <v>325</v>
      </c>
      <c r="H197" s="4">
        <v>786.65</v>
      </c>
      <c r="I197" s="2" t="s">
        <v>45</v>
      </c>
      <c r="J197" s="14">
        <v>44167</v>
      </c>
      <c r="K197" s="14">
        <v>45261</v>
      </c>
      <c r="L197" s="15"/>
    </row>
    <row r="198" spans="1:12" x14ac:dyDescent="0.3">
      <c r="A198" s="2">
        <v>195</v>
      </c>
      <c r="B198" s="3" t="s">
        <v>932</v>
      </c>
      <c r="C198" s="13" t="s">
        <v>778</v>
      </c>
      <c r="D198" s="1" t="s">
        <v>53</v>
      </c>
      <c r="E198" s="1" t="s">
        <v>78</v>
      </c>
      <c r="F198" s="1" t="s">
        <v>349</v>
      </c>
      <c r="G198" s="2">
        <v>440</v>
      </c>
      <c r="H198" s="4">
        <v>760.86</v>
      </c>
      <c r="I198" s="2" t="s">
        <v>45</v>
      </c>
      <c r="J198" s="14">
        <v>44167</v>
      </c>
      <c r="K198" s="14">
        <v>45261</v>
      </c>
      <c r="L198" s="15"/>
    </row>
    <row r="199" spans="1:12" x14ac:dyDescent="0.3">
      <c r="A199" s="2">
        <v>196</v>
      </c>
      <c r="B199" s="3" t="s">
        <v>933</v>
      </c>
      <c r="C199" s="13" t="s">
        <v>778</v>
      </c>
      <c r="D199" s="1" t="s">
        <v>53</v>
      </c>
      <c r="E199" s="1" t="s">
        <v>69</v>
      </c>
      <c r="F199" s="1" t="s">
        <v>350</v>
      </c>
      <c r="G199" s="2">
        <v>430</v>
      </c>
      <c r="H199" s="4">
        <v>754.98</v>
      </c>
      <c r="I199" s="2" t="s">
        <v>45</v>
      </c>
      <c r="J199" s="14">
        <v>44167</v>
      </c>
      <c r="K199" s="14">
        <v>45261</v>
      </c>
      <c r="L199" s="15"/>
    </row>
    <row r="200" spans="1:12" x14ac:dyDescent="0.3">
      <c r="A200" s="2">
        <v>197</v>
      </c>
      <c r="B200" s="3" t="s">
        <v>934</v>
      </c>
      <c r="C200" s="13" t="s">
        <v>778</v>
      </c>
      <c r="D200" s="1" t="s">
        <v>53</v>
      </c>
      <c r="E200" s="1" t="s">
        <v>70</v>
      </c>
      <c r="F200" s="1" t="s">
        <v>351</v>
      </c>
      <c r="G200" s="2">
        <v>400</v>
      </c>
      <c r="H200" s="4">
        <v>751.07</v>
      </c>
      <c r="I200" s="2" t="s">
        <v>45</v>
      </c>
      <c r="J200" s="14">
        <v>44167</v>
      </c>
      <c r="K200" s="14">
        <v>45261</v>
      </c>
      <c r="L200" s="15"/>
    </row>
    <row r="201" spans="1:12" x14ac:dyDescent="0.3">
      <c r="A201" s="2">
        <v>198</v>
      </c>
      <c r="B201" s="3" t="s">
        <v>935</v>
      </c>
      <c r="C201" s="13" t="s">
        <v>778</v>
      </c>
      <c r="D201" s="1" t="s">
        <v>53</v>
      </c>
      <c r="E201" s="1" t="s">
        <v>77</v>
      </c>
      <c r="F201" s="1" t="s">
        <v>352</v>
      </c>
      <c r="G201" s="2">
        <v>410</v>
      </c>
      <c r="H201" s="4">
        <v>735.11</v>
      </c>
      <c r="I201" s="2" t="s">
        <v>45</v>
      </c>
      <c r="J201" s="14">
        <v>44167</v>
      </c>
      <c r="K201" s="14">
        <v>45261</v>
      </c>
      <c r="L201" s="15"/>
    </row>
    <row r="202" spans="1:12" x14ac:dyDescent="0.3">
      <c r="A202" s="2">
        <v>199</v>
      </c>
      <c r="B202" s="3" t="s">
        <v>936</v>
      </c>
      <c r="C202" s="13" t="s">
        <v>62</v>
      </c>
      <c r="D202" s="1" t="s">
        <v>51</v>
      </c>
      <c r="E202" s="1" t="s">
        <v>937</v>
      </c>
      <c r="F202" s="1" t="s">
        <v>353</v>
      </c>
      <c r="G202" s="2">
        <v>405</v>
      </c>
      <c r="H202" s="4">
        <v>754.54</v>
      </c>
      <c r="I202" s="2" t="s">
        <v>45</v>
      </c>
      <c r="J202" s="14">
        <v>44167</v>
      </c>
      <c r="K202" s="14">
        <v>45261</v>
      </c>
      <c r="L202" s="15"/>
    </row>
    <row r="203" spans="1:12" x14ac:dyDescent="0.3">
      <c r="A203" s="2">
        <v>200</v>
      </c>
      <c r="B203" s="3" t="s">
        <v>938</v>
      </c>
      <c r="C203" s="13" t="s">
        <v>62</v>
      </c>
      <c r="D203" s="1" t="s">
        <v>51</v>
      </c>
      <c r="E203" s="1" t="s">
        <v>939</v>
      </c>
      <c r="F203" s="1" t="s">
        <v>354</v>
      </c>
      <c r="G203" s="2">
        <v>410</v>
      </c>
      <c r="H203" s="4">
        <v>745.34</v>
      </c>
      <c r="I203" s="2" t="s">
        <v>45</v>
      </c>
      <c r="J203" s="14">
        <v>44167</v>
      </c>
      <c r="K203" s="14">
        <v>45261</v>
      </c>
      <c r="L203" s="15"/>
    </row>
    <row r="204" spans="1:12" x14ac:dyDescent="0.3">
      <c r="A204" s="2">
        <v>201</v>
      </c>
      <c r="B204" s="3" t="s">
        <v>940</v>
      </c>
      <c r="C204" s="13" t="s">
        <v>62</v>
      </c>
      <c r="D204" s="1" t="s">
        <v>51</v>
      </c>
      <c r="E204" s="1" t="s">
        <v>941</v>
      </c>
      <c r="F204" s="1" t="s">
        <v>355</v>
      </c>
      <c r="G204" s="2">
        <v>415</v>
      </c>
      <c r="H204" s="4">
        <v>736.36</v>
      </c>
      <c r="I204" s="2" t="s">
        <v>45</v>
      </c>
      <c r="J204" s="14">
        <v>44167</v>
      </c>
      <c r="K204" s="14">
        <v>45261</v>
      </c>
      <c r="L204" s="15"/>
    </row>
    <row r="205" spans="1:12" x14ac:dyDescent="0.3">
      <c r="A205" s="2">
        <v>202</v>
      </c>
      <c r="B205" s="3" t="s">
        <v>942</v>
      </c>
      <c r="C205" s="13" t="s">
        <v>62</v>
      </c>
      <c r="D205" s="1" t="s">
        <v>51</v>
      </c>
      <c r="E205" s="1" t="s">
        <v>943</v>
      </c>
      <c r="F205" s="1" t="s">
        <v>356</v>
      </c>
      <c r="G205" s="2">
        <v>420</v>
      </c>
      <c r="H205" s="4">
        <v>727.6</v>
      </c>
      <c r="I205" s="2" t="s">
        <v>45</v>
      </c>
      <c r="J205" s="14">
        <v>44167</v>
      </c>
      <c r="K205" s="14">
        <v>45261</v>
      </c>
      <c r="L205" s="15"/>
    </row>
    <row r="206" spans="1:12" x14ac:dyDescent="0.3">
      <c r="A206" s="2">
        <v>203</v>
      </c>
      <c r="B206" s="3" t="s">
        <v>944</v>
      </c>
      <c r="C206" s="13" t="s">
        <v>62</v>
      </c>
      <c r="D206" s="1" t="s">
        <v>51</v>
      </c>
      <c r="E206" s="1" t="s">
        <v>945</v>
      </c>
      <c r="F206" s="1" t="s">
        <v>357</v>
      </c>
      <c r="G206" s="2">
        <v>460</v>
      </c>
      <c r="H206" s="4">
        <v>631.19000000000005</v>
      </c>
      <c r="I206" s="2" t="s">
        <v>45</v>
      </c>
      <c r="J206" s="14">
        <v>44167</v>
      </c>
      <c r="K206" s="14">
        <v>45261</v>
      </c>
      <c r="L206" s="15"/>
    </row>
    <row r="207" spans="1:12" x14ac:dyDescent="0.3">
      <c r="A207" s="2">
        <v>204</v>
      </c>
      <c r="B207" s="3" t="s">
        <v>946</v>
      </c>
      <c r="C207" s="13" t="s">
        <v>62</v>
      </c>
      <c r="D207" s="1" t="s">
        <v>51</v>
      </c>
      <c r="E207" s="1" t="s">
        <v>945</v>
      </c>
      <c r="F207" s="1" t="s">
        <v>358</v>
      </c>
      <c r="G207" s="2">
        <v>460</v>
      </c>
      <c r="H207" s="4">
        <v>648.75</v>
      </c>
      <c r="I207" s="2" t="s">
        <v>45</v>
      </c>
      <c r="J207" s="14">
        <v>44167</v>
      </c>
      <c r="K207" s="14">
        <v>45261</v>
      </c>
      <c r="L207" s="15"/>
    </row>
    <row r="208" spans="1:12" x14ac:dyDescent="0.3">
      <c r="A208" s="2">
        <v>205</v>
      </c>
      <c r="B208" s="3" t="s">
        <v>947</v>
      </c>
      <c r="C208" s="13" t="s">
        <v>62</v>
      </c>
      <c r="D208" s="1" t="s">
        <v>51</v>
      </c>
      <c r="E208" s="1" t="s">
        <v>945</v>
      </c>
      <c r="F208" s="1" t="s">
        <v>359</v>
      </c>
      <c r="G208" s="2">
        <v>460</v>
      </c>
      <c r="H208" s="4">
        <v>715.83</v>
      </c>
      <c r="I208" s="2" t="s">
        <v>45</v>
      </c>
      <c r="J208" s="14">
        <v>44167</v>
      </c>
      <c r="K208" s="14">
        <v>45261</v>
      </c>
      <c r="L208" s="15"/>
    </row>
    <row r="209" spans="1:12" x14ac:dyDescent="0.3">
      <c r="A209" s="2">
        <v>206</v>
      </c>
      <c r="B209" s="3" t="s">
        <v>948</v>
      </c>
      <c r="C209" s="13" t="s">
        <v>62</v>
      </c>
      <c r="D209" s="1" t="s">
        <v>54</v>
      </c>
      <c r="E209" s="1" t="s">
        <v>949</v>
      </c>
      <c r="F209" s="1" t="s">
        <v>360</v>
      </c>
      <c r="G209" s="2">
        <v>405</v>
      </c>
      <c r="H209" s="4">
        <v>756.92</v>
      </c>
      <c r="I209" s="2" t="s">
        <v>45</v>
      </c>
      <c r="J209" s="14">
        <v>44167</v>
      </c>
      <c r="K209" s="14">
        <v>45261</v>
      </c>
      <c r="L209" s="15"/>
    </row>
    <row r="210" spans="1:12" x14ac:dyDescent="0.3">
      <c r="A210" s="2">
        <v>207</v>
      </c>
      <c r="B210" s="3" t="s">
        <v>950</v>
      </c>
      <c r="C210" s="13" t="s">
        <v>62</v>
      </c>
      <c r="D210" s="1" t="s">
        <v>54</v>
      </c>
      <c r="E210" s="1" t="s">
        <v>951</v>
      </c>
      <c r="F210" s="1" t="s">
        <v>361</v>
      </c>
      <c r="G210" s="2">
        <v>410</v>
      </c>
      <c r="H210" s="4">
        <v>747.69</v>
      </c>
      <c r="I210" s="2" t="s">
        <v>45</v>
      </c>
      <c r="J210" s="14">
        <v>44167</v>
      </c>
      <c r="K210" s="14">
        <v>45261</v>
      </c>
      <c r="L210" s="15"/>
    </row>
    <row r="211" spans="1:12" x14ac:dyDescent="0.3">
      <c r="A211" s="2">
        <v>208</v>
      </c>
      <c r="B211" s="3" t="s">
        <v>952</v>
      </c>
      <c r="C211" s="13" t="s">
        <v>62</v>
      </c>
      <c r="D211" s="1" t="s">
        <v>54</v>
      </c>
      <c r="E211" s="1" t="s">
        <v>953</v>
      </c>
      <c r="F211" s="1" t="s">
        <v>362</v>
      </c>
      <c r="G211" s="2">
        <v>415</v>
      </c>
      <c r="H211" s="4">
        <v>738.68</v>
      </c>
      <c r="I211" s="2" t="s">
        <v>45</v>
      </c>
      <c r="J211" s="14">
        <v>44167</v>
      </c>
      <c r="K211" s="14">
        <v>45261</v>
      </c>
      <c r="L211" s="15"/>
    </row>
    <row r="212" spans="1:12" x14ac:dyDescent="0.3">
      <c r="A212" s="2">
        <v>209</v>
      </c>
      <c r="B212" s="3" t="s">
        <v>954</v>
      </c>
      <c r="C212" s="13" t="s">
        <v>62</v>
      </c>
      <c r="D212" s="1" t="s">
        <v>54</v>
      </c>
      <c r="E212" s="1" t="s">
        <v>955</v>
      </c>
      <c r="F212" s="1" t="s">
        <v>363</v>
      </c>
      <c r="G212" s="2">
        <v>420</v>
      </c>
      <c r="H212" s="4">
        <v>729.89</v>
      </c>
      <c r="I212" s="2" t="s">
        <v>45</v>
      </c>
      <c r="J212" s="14">
        <v>44167</v>
      </c>
      <c r="K212" s="14">
        <v>45261</v>
      </c>
      <c r="L212" s="15"/>
    </row>
    <row r="213" spans="1:12" x14ac:dyDescent="0.3">
      <c r="A213" s="2">
        <v>210</v>
      </c>
      <c r="B213" s="3" t="s">
        <v>956</v>
      </c>
      <c r="C213" s="13" t="s">
        <v>62</v>
      </c>
      <c r="D213" s="1" t="s">
        <v>54</v>
      </c>
      <c r="E213" s="1" t="s">
        <v>957</v>
      </c>
      <c r="F213" s="1" t="s">
        <v>364</v>
      </c>
      <c r="G213" s="2">
        <v>430</v>
      </c>
      <c r="H213" s="4">
        <v>629.19000000000005</v>
      </c>
      <c r="I213" s="2" t="s">
        <v>45</v>
      </c>
      <c r="J213" s="14">
        <v>44167</v>
      </c>
      <c r="K213" s="14">
        <v>45261</v>
      </c>
      <c r="L213" s="15"/>
    </row>
    <row r="214" spans="1:12" x14ac:dyDescent="0.3">
      <c r="A214" s="2">
        <v>211</v>
      </c>
      <c r="B214" s="3" t="s">
        <v>958</v>
      </c>
      <c r="C214" s="13" t="s">
        <v>62</v>
      </c>
      <c r="D214" s="1" t="s">
        <v>54</v>
      </c>
      <c r="E214" s="1" t="s">
        <v>957</v>
      </c>
      <c r="F214" s="1" t="s">
        <v>365</v>
      </c>
      <c r="G214" s="2">
        <v>430</v>
      </c>
      <c r="H214" s="4">
        <v>646.54</v>
      </c>
      <c r="I214" s="2" t="s">
        <v>45</v>
      </c>
      <c r="J214" s="14">
        <v>44167</v>
      </c>
      <c r="K214" s="14">
        <v>45261</v>
      </c>
      <c r="L214" s="15"/>
    </row>
    <row r="215" spans="1:12" x14ac:dyDescent="0.3">
      <c r="A215" s="2">
        <v>212</v>
      </c>
      <c r="B215" s="3" t="s">
        <v>959</v>
      </c>
      <c r="C215" s="13" t="s">
        <v>62</v>
      </c>
      <c r="D215" s="1" t="s">
        <v>54</v>
      </c>
      <c r="E215" s="1" t="s">
        <v>957</v>
      </c>
      <c r="F215" s="1" t="s">
        <v>366</v>
      </c>
      <c r="G215" s="2">
        <v>430</v>
      </c>
      <c r="H215" s="4">
        <v>712.82</v>
      </c>
      <c r="I215" s="2" t="s">
        <v>45</v>
      </c>
      <c r="J215" s="14">
        <v>44167</v>
      </c>
      <c r="K215" s="14">
        <v>45261</v>
      </c>
      <c r="L215" s="15"/>
    </row>
    <row r="216" spans="1:12" x14ac:dyDescent="0.3">
      <c r="A216" s="2">
        <v>213</v>
      </c>
      <c r="B216" s="3" t="s">
        <v>960</v>
      </c>
      <c r="C216" s="13" t="s">
        <v>62</v>
      </c>
      <c r="D216" s="1" t="s">
        <v>54</v>
      </c>
      <c r="E216" s="1" t="s">
        <v>961</v>
      </c>
      <c r="F216" s="1" t="s">
        <v>367</v>
      </c>
      <c r="G216" s="2">
        <v>430</v>
      </c>
      <c r="H216" s="4">
        <v>728.47</v>
      </c>
      <c r="I216" s="2" t="s">
        <v>45</v>
      </c>
      <c r="J216" s="14">
        <v>44167</v>
      </c>
      <c r="K216" s="14">
        <v>45261</v>
      </c>
      <c r="L216" s="15"/>
    </row>
    <row r="217" spans="1:12" x14ac:dyDescent="0.3">
      <c r="A217" s="2">
        <v>214</v>
      </c>
      <c r="B217" s="3" t="s">
        <v>962</v>
      </c>
      <c r="C217" s="13" t="s">
        <v>62</v>
      </c>
      <c r="D217" s="1" t="s">
        <v>54</v>
      </c>
      <c r="E217" s="1" t="s">
        <v>963</v>
      </c>
      <c r="F217" s="1" t="s">
        <v>368</v>
      </c>
      <c r="G217" s="2">
        <v>430</v>
      </c>
      <c r="H217" s="4">
        <v>728.47</v>
      </c>
      <c r="I217" s="2" t="s">
        <v>45</v>
      </c>
      <c r="J217" s="14">
        <v>44167</v>
      </c>
      <c r="K217" s="14">
        <v>45261</v>
      </c>
      <c r="L217" s="15"/>
    </row>
    <row r="218" spans="1:12" x14ac:dyDescent="0.3">
      <c r="A218" s="2">
        <v>215</v>
      </c>
      <c r="B218" s="3" t="s">
        <v>964</v>
      </c>
      <c r="C218" s="13" t="s">
        <v>864</v>
      </c>
      <c r="D218" s="1" t="s">
        <v>132</v>
      </c>
      <c r="E218" s="1" t="s">
        <v>965</v>
      </c>
      <c r="F218" s="1" t="s">
        <v>369</v>
      </c>
      <c r="G218" s="2">
        <v>400</v>
      </c>
      <c r="H218" s="4">
        <v>758.97</v>
      </c>
      <c r="I218" s="2" t="s">
        <v>45</v>
      </c>
      <c r="J218" s="14">
        <v>44167</v>
      </c>
      <c r="K218" s="14">
        <v>45261</v>
      </c>
      <c r="L218" s="15"/>
    </row>
    <row r="219" spans="1:12" x14ac:dyDescent="0.3">
      <c r="A219" s="2">
        <v>216</v>
      </c>
      <c r="B219" s="3" t="s">
        <v>966</v>
      </c>
      <c r="C219" s="13" t="s">
        <v>864</v>
      </c>
      <c r="D219" s="1" t="s">
        <v>132</v>
      </c>
      <c r="E219" s="1" t="s">
        <v>967</v>
      </c>
      <c r="F219" s="1" t="s">
        <v>370</v>
      </c>
      <c r="G219" s="2">
        <v>405</v>
      </c>
      <c r="H219" s="4">
        <v>749.6</v>
      </c>
      <c r="I219" s="2" t="s">
        <v>45</v>
      </c>
      <c r="J219" s="14">
        <v>44167</v>
      </c>
      <c r="K219" s="14">
        <v>45261</v>
      </c>
      <c r="L219" s="15"/>
    </row>
    <row r="220" spans="1:12" x14ac:dyDescent="0.3">
      <c r="A220" s="2">
        <v>217</v>
      </c>
      <c r="B220" s="3" t="s">
        <v>968</v>
      </c>
      <c r="C220" s="13" t="s">
        <v>864</v>
      </c>
      <c r="D220" s="1" t="s">
        <v>132</v>
      </c>
      <c r="E220" s="1" t="s">
        <v>969</v>
      </c>
      <c r="F220" s="1" t="s">
        <v>371</v>
      </c>
      <c r="G220" s="2">
        <v>410</v>
      </c>
      <c r="H220" s="4">
        <v>740.45</v>
      </c>
      <c r="I220" s="2" t="s">
        <v>45</v>
      </c>
      <c r="J220" s="14">
        <v>44167</v>
      </c>
      <c r="K220" s="14">
        <v>45261</v>
      </c>
      <c r="L220" s="15"/>
    </row>
    <row r="221" spans="1:12" x14ac:dyDescent="0.3">
      <c r="A221" s="2">
        <v>218</v>
      </c>
      <c r="B221" s="3" t="s">
        <v>970</v>
      </c>
      <c r="C221" s="13" t="s">
        <v>864</v>
      </c>
      <c r="D221" s="1" t="s">
        <v>971</v>
      </c>
      <c r="E221" s="1" t="s">
        <v>972</v>
      </c>
      <c r="F221" s="1" t="s">
        <v>372</v>
      </c>
      <c r="G221" s="2">
        <v>405</v>
      </c>
      <c r="H221" s="4">
        <v>757.77</v>
      </c>
      <c r="I221" s="2" t="s">
        <v>45</v>
      </c>
      <c r="J221" s="14">
        <v>44167</v>
      </c>
      <c r="K221" s="14">
        <v>45261</v>
      </c>
      <c r="L221" s="15"/>
    </row>
    <row r="222" spans="1:12" x14ac:dyDescent="0.3">
      <c r="A222" s="2">
        <v>219</v>
      </c>
      <c r="B222" s="3" t="s">
        <v>973</v>
      </c>
      <c r="C222" s="13" t="s">
        <v>880</v>
      </c>
      <c r="D222" s="1" t="s">
        <v>56</v>
      </c>
      <c r="E222" s="1" t="s">
        <v>63</v>
      </c>
      <c r="F222" s="1" t="s">
        <v>373</v>
      </c>
      <c r="G222" s="2">
        <v>415</v>
      </c>
      <c r="H222" s="4">
        <v>816.44</v>
      </c>
      <c r="I222" s="2" t="s">
        <v>45</v>
      </c>
      <c r="J222" s="14">
        <v>44167</v>
      </c>
      <c r="K222" s="14">
        <v>45261</v>
      </c>
      <c r="L222" s="15"/>
    </row>
    <row r="223" spans="1:12" x14ac:dyDescent="0.3">
      <c r="A223" s="2">
        <v>220</v>
      </c>
      <c r="B223" s="3" t="s">
        <v>974</v>
      </c>
      <c r="C223" s="13" t="s">
        <v>880</v>
      </c>
      <c r="D223" s="1" t="s">
        <v>56</v>
      </c>
      <c r="E223" s="1" t="s">
        <v>64</v>
      </c>
      <c r="F223" s="1" t="s">
        <v>374</v>
      </c>
      <c r="G223" s="2">
        <v>420</v>
      </c>
      <c r="H223" s="4">
        <v>806.72</v>
      </c>
      <c r="I223" s="2" t="s">
        <v>45</v>
      </c>
      <c r="J223" s="14">
        <v>44167</v>
      </c>
      <c r="K223" s="14">
        <v>45261</v>
      </c>
      <c r="L223" s="15"/>
    </row>
    <row r="224" spans="1:12" x14ac:dyDescent="0.3">
      <c r="A224" s="2">
        <v>221</v>
      </c>
      <c r="B224" s="3" t="s">
        <v>975</v>
      </c>
      <c r="C224" s="13" t="s">
        <v>880</v>
      </c>
      <c r="D224" s="1" t="s">
        <v>56</v>
      </c>
      <c r="E224" s="1" t="s">
        <v>65</v>
      </c>
      <c r="F224" s="1" t="s">
        <v>375</v>
      </c>
      <c r="G224" s="2">
        <v>425</v>
      </c>
      <c r="H224" s="4">
        <v>797.23</v>
      </c>
      <c r="I224" s="2" t="s">
        <v>45</v>
      </c>
      <c r="J224" s="14">
        <v>44167</v>
      </c>
      <c r="K224" s="14">
        <v>45261</v>
      </c>
      <c r="L224" s="15"/>
    </row>
    <row r="225" spans="1:12" x14ac:dyDescent="0.3">
      <c r="A225" s="2">
        <v>222</v>
      </c>
      <c r="B225" s="3" t="s">
        <v>976</v>
      </c>
      <c r="C225" s="13" t="s">
        <v>880</v>
      </c>
      <c r="D225" s="1" t="s">
        <v>56</v>
      </c>
      <c r="E225" s="1" t="s">
        <v>66</v>
      </c>
      <c r="F225" s="1" t="s">
        <v>376</v>
      </c>
      <c r="G225" s="2">
        <v>430</v>
      </c>
      <c r="H225" s="4">
        <v>787.96</v>
      </c>
      <c r="I225" s="2" t="s">
        <v>45</v>
      </c>
      <c r="J225" s="14">
        <v>44167</v>
      </c>
      <c r="K225" s="14">
        <v>45261</v>
      </c>
      <c r="L225" s="15"/>
    </row>
    <row r="226" spans="1:12" x14ac:dyDescent="0.3">
      <c r="A226" s="2">
        <v>223</v>
      </c>
      <c r="B226" s="3" t="s">
        <v>977</v>
      </c>
      <c r="C226" s="13" t="s">
        <v>880</v>
      </c>
      <c r="D226" s="1" t="s">
        <v>56</v>
      </c>
      <c r="E226" s="1" t="s">
        <v>67</v>
      </c>
      <c r="F226" s="1" t="s">
        <v>377</v>
      </c>
      <c r="G226" s="2">
        <v>435</v>
      </c>
      <c r="H226" s="4">
        <v>778.9</v>
      </c>
      <c r="I226" s="2" t="s">
        <v>45</v>
      </c>
      <c r="J226" s="14">
        <v>44167</v>
      </c>
      <c r="K226" s="14">
        <v>45261</v>
      </c>
      <c r="L226" s="15"/>
    </row>
    <row r="227" spans="1:12" x14ac:dyDescent="0.3">
      <c r="A227" s="2">
        <v>224</v>
      </c>
      <c r="B227" s="3" t="s">
        <v>978</v>
      </c>
      <c r="C227" s="13" t="s">
        <v>880</v>
      </c>
      <c r="D227" s="1" t="s">
        <v>56</v>
      </c>
      <c r="E227" s="1" t="s">
        <v>68</v>
      </c>
      <c r="F227" s="1" t="s">
        <v>378</v>
      </c>
      <c r="G227" s="2">
        <v>440</v>
      </c>
      <c r="H227" s="4">
        <v>770.05</v>
      </c>
      <c r="I227" s="2" t="s">
        <v>45</v>
      </c>
      <c r="J227" s="14">
        <v>44167</v>
      </c>
      <c r="K227" s="14">
        <v>45261</v>
      </c>
      <c r="L227" s="15"/>
    </row>
    <row r="228" spans="1:12" x14ac:dyDescent="0.3">
      <c r="A228" s="2">
        <v>225</v>
      </c>
      <c r="B228" s="3" t="s">
        <v>979</v>
      </c>
      <c r="C228" s="13" t="s">
        <v>880</v>
      </c>
      <c r="D228" s="1" t="s">
        <v>56</v>
      </c>
      <c r="E228" s="1" t="s">
        <v>71</v>
      </c>
      <c r="F228" s="1" t="s">
        <v>379</v>
      </c>
      <c r="G228" s="2">
        <v>415</v>
      </c>
      <c r="H228" s="4">
        <v>711.55</v>
      </c>
      <c r="I228" s="2" t="s">
        <v>45</v>
      </c>
      <c r="J228" s="14">
        <v>44167</v>
      </c>
      <c r="K228" s="14">
        <v>45261</v>
      </c>
      <c r="L228" s="15"/>
    </row>
    <row r="229" spans="1:12" x14ac:dyDescent="0.3">
      <c r="A229" s="2">
        <v>226</v>
      </c>
      <c r="B229" s="3" t="s">
        <v>980</v>
      </c>
      <c r="C229" s="13" t="s">
        <v>880</v>
      </c>
      <c r="D229" s="1" t="s">
        <v>56</v>
      </c>
      <c r="E229" s="1" t="s">
        <v>72</v>
      </c>
      <c r="F229" s="1" t="s">
        <v>380</v>
      </c>
      <c r="G229" s="2">
        <v>420</v>
      </c>
      <c r="H229" s="4">
        <v>703.08</v>
      </c>
      <c r="I229" s="2" t="s">
        <v>45</v>
      </c>
      <c r="J229" s="14">
        <v>44167</v>
      </c>
      <c r="K229" s="14">
        <v>45261</v>
      </c>
      <c r="L229" s="15"/>
    </row>
    <row r="230" spans="1:12" x14ac:dyDescent="0.3">
      <c r="A230" s="2">
        <v>227</v>
      </c>
      <c r="B230" s="3" t="s">
        <v>981</v>
      </c>
      <c r="C230" s="13" t="s">
        <v>880</v>
      </c>
      <c r="D230" s="1" t="s">
        <v>56</v>
      </c>
      <c r="E230" s="1" t="s">
        <v>73</v>
      </c>
      <c r="F230" s="1" t="s">
        <v>381</v>
      </c>
      <c r="G230" s="2">
        <v>425</v>
      </c>
      <c r="H230" s="4">
        <v>694.81</v>
      </c>
      <c r="I230" s="2" t="s">
        <v>45</v>
      </c>
      <c r="J230" s="14">
        <v>44167</v>
      </c>
      <c r="K230" s="14">
        <v>45261</v>
      </c>
      <c r="L230" s="15"/>
    </row>
    <row r="231" spans="1:12" x14ac:dyDescent="0.3">
      <c r="A231" s="2">
        <v>228</v>
      </c>
      <c r="B231" s="3" t="s">
        <v>982</v>
      </c>
      <c r="C231" s="13" t="s">
        <v>880</v>
      </c>
      <c r="D231" s="1" t="s">
        <v>56</v>
      </c>
      <c r="E231" s="1" t="s">
        <v>74</v>
      </c>
      <c r="F231" s="1" t="s">
        <v>382</v>
      </c>
      <c r="G231" s="2">
        <v>430</v>
      </c>
      <c r="H231" s="4">
        <v>686.73</v>
      </c>
      <c r="I231" s="2" t="s">
        <v>45</v>
      </c>
      <c r="J231" s="14">
        <v>44167</v>
      </c>
      <c r="K231" s="14">
        <v>45261</v>
      </c>
      <c r="L231" s="15"/>
    </row>
    <row r="232" spans="1:12" x14ac:dyDescent="0.3">
      <c r="A232" s="2">
        <v>229</v>
      </c>
      <c r="B232" s="3" t="s">
        <v>983</v>
      </c>
      <c r="C232" s="13" t="s">
        <v>880</v>
      </c>
      <c r="D232" s="1" t="s">
        <v>56</v>
      </c>
      <c r="E232" s="1" t="s">
        <v>75</v>
      </c>
      <c r="F232" s="1" t="s">
        <v>383</v>
      </c>
      <c r="G232" s="2">
        <v>435</v>
      </c>
      <c r="H232" s="4">
        <v>678.84</v>
      </c>
      <c r="I232" s="2" t="s">
        <v>45</v>
      </c>
      <c r="J232" s="14">
        <v>44167</v>
      </c>
      <c r="K232" s="14">
        <v>45261</v>
      </c>
      <c r="L232" s="15"/>
    </row>
    <row r="233" spans="1:12" x14ac:dyDescent="0.3">
      <c r="A233" s="2">
        <v>230</v>
      </c>
      <c r="B233" s="3" t="s">
        <v>984</v>
      </c>
      <c r="C233" s="13" t="s">
        <v>880</v>
      </c>
      <c r="D233" s="1" t="s">
        <v>56</v>
      </c>
      <c r="E233" s="1" t="s">
        <v>76</v>
      </c>
      <c r="F233" s="1" t="s">
        <v>384</v>
      </c>
      <c r="G233" s="2">
        <v>440</v>
      </c>
      <c r="H233" s="4">
        <v>671.12</v>
      </c>
      <c r="I233" s="2" t="s">
        <v>45</v>
      </c>
      <c r="J233" s="14">
        <v>44167</v>
      </c>
      <c r="K233" s="14">
        <v>45261</v>
      </c>
      <c r="L233" s="15"/>
    </row>
    <row r="234" spans="1:12" x14ac:dyDescent="0.3">
      <c r="A234" s="2">
        <v>231</v>
      </c>
      <c r="B234" s="3" t="s">
        <v>985</v>
      </c>
      <c r="C234" s="13" t="s">
        <v>778</v>
      </c>
      <c r="D234" s="1" t="s">
        <v>53</v>
      </c>
      <c r="E234" s="1" t="s">
        <v>791</v>
      </c>
      <c r="F234" s="1" t="s">
        <v>81</v>
      </c>
      <c r="G234" s="2">
        <v>400</v>
      </c>
      <c r="H234" s="4">
        <v>666.8</v>
      </c>
      <c r="I234" s="2" t="s">
        <v>45</v>
      </c>
      <c r="J234" s="14">
        <v>44172</v>
      </c>
      <c r="K234" s="14">
        <v>45266</v>
      </c>
      <c r="L234" s="15"/>
    </row>
    <row r="235" spans="1:12" x14ac:dyDescent="0.3">
      <c r="A235" s="2">
        <v>232</v>
      </c>
      <c r="B235" s="3" t="s">
        <v>986</v>
      </c>
      <c r="C235" s="13" t="s">
        <v>778</v>
      </c>
      <c r="D235" s="1" t="s">
        <v>53</v>
      </c>
      <c r="E235" s="1" t="s">
        <v>789</v>
      </c>
      <c r="F235" s="1" t="s">
        <v>82</v>
      </c>
      <c r="G235" s="2">
        <v>405</v>
      </c>
      <c r="H235" s="4">
        <v>658.57</v>
      </c>
      <c r="I235" s="2" t="s">
        <v>45</v>
      </c>
      <c r="J235" s="14">
        <v>44172</v>
      </c>
      <c r="K235" s="14">
        <v>45266</v>
      </c>
      <c r="L235" s="15"/>
    </row>
    <row r="236" spans="1:12" x14ac:dyDescent="0.3">
      <c r="A236" s="2">
        <v>233</v>
      </c>
      <c r="B236" s="3" t="s">
        <v>987</v>
      </c>
      <c r="C236" s="13" t="s">
        <v>778</v>
      </c>
      <c r="D236" s="1" t="s">
        <v>53</v>
      </c>
      <c r="E236" s="1" t="s">
        <v>77</v>
      </c>
      <c r="F236" s="1" t="s">
        <v>83</v>
      </c>
      <c r="G236" s="2">
        <v>410</v>
      </c>
      <c r="H236" s="4">
        <v>650.54</v>
      </c>
      <c r="I236" s="2" t="s">
        <v>45</v>
      </c>
      <c r="J236" s="14">
        <v>44172</v>
      </c>
      <c r="K236" s="14">
        <v>45266</v>
      </c>
      <c r="L236" s="15"/>
    </row>
    <row r="237" spans="1:12" x14ac:dyDescent="0.3">
      <c r="A237" s="2">
        <v>234</v>
      </c>
      <c r="B237" s="3" t="s">
        <v>988</v>
      </c>
      <c r="C237" s="13" t="s">
        <v>880</v>
      </c>
      <c r="D237" s="1" t="s">
        <v>56</v>
      </c>
      <c r="E237" s="1" t="s">
        <v>893</v>
      </c>
      <c r="F237" s="1" t="s">
        <v>84</v>
      </c>
      <c r="G237" s="2">
        <v>445</v>
      </c>
      <c r="H237" s="4">
        <v>663.58</v>
      </c>
      <c r="I237" s="2" t="s">
        <v>45</v>
      </c>
      <c r="J237" s="14">
        <v>44172</v>
      </c>
      <c r="K237" s="14">
        <v>45266</v>
      </c>
      <c r="L237" s="15"/>
    </row>
    <row r="238" spans="1:12" x14ac:dyDescent="0.3">
      <c r="A238" s="2">
        <v>235</v>
      </c>
      <c r="B238" s="3" t="s">
        <v>989</v>
      </c>
      <c r="C238" s="13" t="s">
        <v>880</v>
      </c>
      <c r="D238" s="1" t="s">
        <v>56</v>
      </c>
      <c r="E238" s="1" t="s">
        <v>891</v>
      </c>
      <c r="F238" s="1" t="s">
        <v>85</v>
      </c>
      <c r="G238" s="2">
        <v>450</v>
      </c>
      <c r="H238" s="4">
        <v>656.21</v>
      </c>
      <c r="I238" s="2" t="s">
        <v>45</v>
      </c>
      <c r="J238" s="14">
        <v>44172</v>
      </c>
      <c r="K238" s="14">
        <v>45266</v>
      </c>
      <c r="L238" s="15"/>
    </row>
    <row r="239" spans="1:12" x14ac:dyDescent="0.3">
      <c r="A239" s="2">
        <v>236</v>
      </c>
      <c r="B239" s="3" t="s">
        <v>990</v>
      </c>
      <c r="C239" s="13" t="s">
        <v>907</v>
      </c>
      <c r="D239" s="1" t="s">
        <v>133</v>
      </c>
      <c r="E239" s="1" t="s">
        <v>88</v>
      </c>
      <c r="F239" s="1" t="s">
        <v>385</v>
      </c>
      <c r="G239" s="2">
        <v>430</v>
      </c>
      <c r="H239" s="4">
        <v>758.46</v>
      </c>
      <c r="I239" s="2" t="s">
        <v>45</v>
      </c>
      <c r="J239" s="14">
        <v>44211</v>
      </c>
      <c r="K239" s="14">
        <v>45305</v>
      </c>
      <c r="L239" s="15"/>
    </row>
    <row r="240" spans="1:12" x14ac:dyDescent="0.3">
      <c r="A240" s="2">
        <v>237</v>
      </c>
      <c r="B240" s="3" t="s">
        <v>991</v>
      </c>
      <c r="C240" s="13" t="s">
        <v>907</v>
      </c>
      <c r="D240" s="1" t="s">
        <v>133</v>
      </c>
      <c r="E240" s="1" t="s">
        <v>89</v>
      </c>
      <c r="F240" s="1" t="s">
        <v>386</v>
      </c>
      <c r="G240" s="2">
        <v>435</v>
      </c>
      <c r="H240" s="4">
        <v>749.74</v>
      </c>
      <c r="I240" s="2" t="s">
        <v>45</v>
      </c>
      <c r="J240" s="14">
        <v>44211</v>
      </c>
      <c r="K240" s="14">
        <v>45305</v>
      </c>
      <c r="L240" s="15"/>
    </row>
    <row r="241" spans="1:12" x14ac:dyDescent="0.3">
      <c r="A241" s="2">
        <v>238</v>
      </c>
      <c r="B241" s="3" t="s">
        <v>992</v>
      </c>
      <c r="C241" s="13" t="s">
        <v>907</v>
      </c>
      <c r="D241" s="1" t="s">
        <v>133</v>
      </c>
      <c r="E241" s="1" t="s">
        <v>90</v>
      </c>
      <c r="F241" s="1" t="s">
        <v>387</v>
      </c>
      <c r="G241" s="2">
        <v>440</v>
      </c>
      <c r="H241" s="4">
        <v>741.22</v>
      </c>
      <c r="I241" s="2" t="s">
        <v>45</v>
      </c>
      <c r="J241" s="14">
        <v>44211</v>
      </c>
      <c r="K241" s="14">
        <v>45305</v>
      </c>
      <c r="L241" s="15"/>
    </row>
    <row r="242" spans="1:12" x14ac:dyDescent="0.3">
      <c r="A242" s="2">
        <v>239</v>
      </c>
      <c r="B242" s="3" t="s">
        <v>993</v>
      </c>
      <c r="C242" s="13" t="s">
        <v>849</v>
      </c>
      <c r="D242" s="1" t="s">
        <v>114</v>
      </c>
      <c r="E242" s="1" t="s">
        <v>92</v>
      </c>
      <c r="F242" s="1" t="s">
        <v>388</v>
      </c>
      <c r="G242" s="2">
        <v>325</v>
      </c>
      <c r="H242" s="4">
        <v>667.84</v>
      </c>
      <c r="I242" s="2" t="s">
        <v>45</v>
      </c>
      <c r="J242" s="14">
        <v>44253</v>
      </c>
      <c r="K242" s="14">
        <v>45347</v>
      </c>
      <c r="L242" s="15"/>
    </row>
    <row r="243" spans="1:12" x14ac:dyDescent="0.3">
      <c r="A243" s="2">
        <v>240</v>
      </c>
      <c r="B243" s="3" t="s">
        <v>994</v>
      </c>
      <c r="C243" s="13" t="s">
        <v>849</v>
      </c>
      <c r="D243" s="1" t="s">
        <v>114</v>
      </c>
      <c r="E243" s="1" t="s">
        <v>93</v>
      </c>
      <c r="F243" s="1" t="s">
        <v>389</v>
      </c>
      <c r="G243" s="2">
        <v>430</v>
      </c>
      <c r="H243" s="4">
        <v>666.83</v>
      </c>
      <c r="I243" s="2" t="s">
        <v>45</v>
      </c>
      <c r="J243" s="14">
        <v>44253</v>
      </c>
      <c r="K243" s="14">
        <v>45347</v>
      </c>
      <c r="L243" s="15"/>
    </row>
    <row r="244" spans="1:12" x14ac:dyDescent="0.3">
      <c r="A244" s="2">
        <v>241</v>
      </c>
      <c r="B244" s="3" t="s">
        <v>995</v>
      </c>
      <c r="C244" s="13" t="s">
        <v>849</v>
      </c>
      <c r="D244" s="1" t="s">
        <v>114</v>
      </c>
      <c r="E244" s="1" t="s">
        <v>913</v>
      </c>
      <c r="F244" s="1" t="s">
        <v>390</v>
      </c>
      <c r="G244" s="2">
        <v>395</v>
      </c>
      <c r="H244" s="4">
        <v>668.3</v>
      </c>
      <c r="I244" s="2" t="s">
        <v>45</v>
      </c>
      <c r="J244" s="14">
        <v>44253</v>
      </c>
      <c r="K244" s="14">
        <v>45347</v>
      </c>
      <c r="L244" s="15"/>
    </row>
    <row r="245" spans="1:12" x14ac:dyDescent="0.3">
      <c r="A245" s="2">
        <v>242</v>
      </c>
      <c r="B245" s="3" t="s">
        <v>996</v>
      </c>
      <c r="C245" s="13" t="s">
        <v>849</v>
      </c>
      <c r="D245" s="1" t="s">
        <v>114</v>
      </c>
      <c r="E245" s="1" t="s">
        <v>997</v>
      </c>
      <c r="F245" s="1" t="s">
        <v>391</v>
      </c>
      <c r="G245" s="2">
        <v>400</v>
      </c>
      <c r="H245" s="4">
        <v>659.95</v>
      </c>
      <c r="I245" s="2" t="s">
        <v>45</v>
      </c>
      <c r="J245" s="14">
        <v>44253</v>
      </c>
      <c r="K245" s="14">
        <v>45347</v>
      </c>
      <c r="L245" s="15"/>
    </row>
    <row r="246" spans="1:12" x14ac:dyDescent="0.3">
      <c r="A246" s="2">
        <v>243</v>
      </c>
      <c r="B246" s="3" t="s">
        <v>998</v>
      </c>
      <c r="C246" s="13" t="s">
        <v>778</v>
      </c>
      <c r="D246" s="1" t="s">
        <v>53</v>
      </c>
      <c r="E246" s="1" t="s">
        <v>799</v>
      </c>
      <c r="F246" s="1" t="s">
        <v>392</v>
      </c>
      <c r="G246" s="2">
        <v>380</v>
      </c>
      <c r="H246" s="4">
        <v>793.13</v>
      </c>
      <c r="I246" s="2" t="s">
        <v>45</v>
      </c>
      <c r="J246" s="14">
        <v>44253</v>
      </c>
      <c r="K246" s="14">
        <v>45347</v>
      </c>
      <c r="L246" s="15"/>
    </row>
    <row r="247" spans="1:12" x14ac:dyDescent="0.3">
      <c r="A247" s="2">
        <v>244</v>
      </c>
      <c r="B247" s="3" t="s">
        <v>999</v>
      </c>
      <c r="C247" s="13" t="s">
        <v>778</v>
      </c>
      <c r="D247" s="1" t="s">
        <v>53</v>
      </c>
      <c r="E247" s="1" t="s">
        <v>797</v>
      </c>
      <c r="F247" s="1" t="s">
        <v>393</v>
      </c>
      <c r="G247" s="2">
        <v>385</v>
      </c>
      <c r="H247" s="4">
        <v>782.83</v>
      </c>
      <c r="I247" s="2" t="s">
        <v>45</v>
      </c>
      <c r="J247" s="14">
        <v>44253</v>
      </c>
      <c r="K247" s="14">
        <v>45347</v>
      </c>
      <c r="L247" s="15"/>
    </row>
    <row r="248" spans="1:12" x14ac:dyDescent="0.3">
      <c r="A248" s="2">
        <v>245</v>
      </c>
      <c r="B248" s="3" t="s">
        <v>1000</v>
      </c>
      <c r="C248" s="13" t="s">
        <v>778</v>
      </c>
      <c r="D248" s="1" t="s">
        <v>53</v>
      </c>
      <c r="E248" s="1" t="s">
        <v>795</v>
      </c>
      <c r="F248" s="1" t="s">
        <v>394</v>
      </c>
      <c r="G248" s="2">
        <v>390</v>
      </c>
      <c r="H248" s="4">
        <v>772.79</v>
      </c>
      <c r="I248" s="2" t="s">
        <v>45</v>
      </c>
      <c r="J248" s="14">
        <v>44253</v>
      </c>
      <c r="K248" s="14">
        <v>45347</v>
      </c>
      <c r="L248" s="15"/>
    </row>
    <row r="249" spans="1:12" x14ac:dyDescent="0.3">
      <c r="A249" s="2">
        <v>246</v>
      </c>
      <c r="B249" s="3" t="s">
        <v>1001</v>
      </c>
      <c r="C249" s="13" t="s">
        <v>778</v>
      </c>
      <c r="D249" s="1" t="s">
        <v>53</v>
      </c>
      <c r="E249" s="1" t="s">
        <v>793</v>
      </c>
      <c r="F249" s="1" t="s">
        <v>395</v>
      </c>
      <c r="G249" s="2">
        <v>395</v>
      </c>
      <c r="H249" s="4">
        <v>763.01</v>
      </c>
      <c r="I249" s="2" t="s">
        <v>45</v>
      </c>
      <c r="J249" s="14">
        <v>44253</v>
      </c>
      <c r="K249" s="14">
        <v>45347</v>
      </c>
      <c r="L249" s="15"/>
    </row>
    <row r="250" spans="1:12" x14ac:dyDescent="0.3">
      <c r="A250" s="2">
        <v>247</v>
      </c>
      <c r="B250" s="3" t="s">
        <v>1002</v>
      </c>
      <c r="C250" s="13" t="s">
        <v>778</v>
      </c>
      <c r="D250" s="1" t="s">
        <v>53</v>
      </c>
      <c r="E250" s="1" t="s">
        <v>791</v>
      </c>
      <c r="F250" s="1" t="s">
        <v>396</v>
      </c>
      <c r="G250" s="2">
        <v>400</v>
      </c>
      <c r="H250" s="4">
        <v>753.47</v>
      </c>
      <c r="I250" s="2" t="s">
        <v>45</v>
      </c>
      <c r="J250" s="14">
        <v>44253</v>
      </c>
      <c r="K250" s="14">
        <v>45347</v>
      </c>
      <c r="L250" s="15"/>
    </row>
    <row r="251" spans="1:12" x14ac:dyDescent="0.3">
      <c r="A251" s="2">
        <v>248</v>
      </c>
      <c r="B251" s="3" t="s">
        <v>1003</v>
      </c>
      <c r="C251" s="13" t="s">
        <v>778</v>
      </c>
      <c r="D251" s="1" t="s">
        <v>53</v>
      </c>
      <c r="E251" s="1" t="s">
        <v>789</v>
      </c>
      <c r="F251" s="1" t="s">
        <v>397</v>
      </c>
      <c r="G251" s="2">
        <v>405</v>
      </c>
      <c r="H251" s="4">
        <v>744.17</v>
      </c>
      <c r="I251" s="2" t="s">
        <v>45</v>
      </c>
      <c r="J251" s="14">
        <v>44253</v>
      </c>
      <c r="K251" s="14">
        <v>45347</v>
      </c>
      <c r="L251" s="15"/>
    </row>
    <row r="252" spans="1:12" x14ac:dyDescent="0.3">
      <c r="A252" s="2">
        <v>249</v>
      </c>
      <c r="B252" s="3" t="s">
        <v>1004</v>
      </c>
      <c r="C252" s="13" t="s">
        <v>778</v>
      </c>
      <c r="D252" s="1" t="s">
        <v>53</v>
      </c>
      <c r="E252" s="1" t="s">
        <v>77</v>
      </c>
      <c r="F252" s="1" t="s">
        <v>398</v>
      </c>
      <c r="G252" s="2">
        <v>410</v>
      </c>
      <c r="H252" s="4">
        <v>735.09</v>
      </c>
      <c r="I252" s="2" t="s">
        <v>45</v>
      </c>
      <c r="J252" s="14">
        <v>44253</v>
      </c>
      <c r="K252" s="14">
        <v>45347</v>
      </c>
      <c r="L252" s="15"/>
    </row>
    <row r="253" spans="1:12" x14ac:dyDescent="0.3">
      <c r="A253" s="2">
        <v>250</v>
      </c>
      <c r="B253" s="3" t="s">
        <v>1005</v>
      </c>
      <c r="C253" s="13" t="s">
        <v>778</v>
      </c>
      <c r="D253" s="1" t="s">
        <v>53</v>
      </c>
      <c r="E253" s="1" t="s">
        <v>1006</v>
      </c>
      <c r="F253" s="1" t="s">
        <v>399</v>
      </c>
      <c r="G253" s="2">
        <v>380</v>
      </c>
      <c r="H253" s="4">
        <v>796.23</v>
      </c>
      <c r="I253" s="2" t="s">
        <v>45</v>
      </c>
      <c r="J253" s="14">
        <v>44253</v>
      </c>
      <c r="K253" s="14">
        <v>45347</v>
      </c>
      <c r="L253" s="15"/>
    </row>
    <row r="254" spans="1:12" x14ac:dyDescent="0.3">
      <c r="A254" s="2">
        <v>251</v>
      </c>
      <c r="B254" s="3" t="s">
        <v>1007</v>
      </c>
      <c r="C254" s="13" t="s">
        <v>778</v>
      </c>
      <c r="D254" s="1" t="s">
        <v>53</v>
      </c>
      <c r="E254" s="1" t="s">
        <v>1008</v>
      </c>
      <c r="F254" s="1" t="s">
        <v>400</v>
      </c>
      <c r="G254" s="2">
        <v>385</v>
      </c>
      <c r="H254" s="4">
        <v>785.89</v>
      </c>
      <c r="I254" s="2" t="s">
        <v>45</v>
      </c>
      <c r="J254" s="14">
        <v>44253</v>
      </c>
      <c r="K254" s="14">
        <v>45347</v>
      </c>
      <c r="L254" s="15"/>
    </row>
    <row r="255" spans="1:12" x14ac:dyDescent="0.3">
      <c r="A255" s="2">
        <v>252</v>
      </c>
      <c r="B255" s="3" t="s">
        <v>1009</v>
      </c>
      <c r="C255" s="13" t="s">
        <v>778</v>
      </c>
      <c r="D255" s="1" t="s">
        <v>53</v>
      </c>
      <c r="E255" s="1" t="s">
        <v>94</v>
      </c>
      <c r="F255" s="1" t="s">
        <v>401</v>
      </c>
      <c r="G255" s="2">
        <v>390</v>
      </c>
      <c r="H255" s="4">
        <v>775.81</v>
      </c>
      <c r="I255" s="2" t="s">
        <v>45</v>
      </c>
      <c r="J255" s="14">
        <v>44253</v>
      </c>
      <c r="K255" s="14">
        <v>45347</v>
      </c>
      <c r="L255" s="15"/>
    </row>
    <row r="256" spans="1:12" x14ac:dyDescent="0.3">
      <c r="A256" s="2">
        <v>253</v>
      </c>
      <c r="B256" s="3" t="s">
        <v>1010</v>
      </c>
      <c r="C256" s="13" t="s">
        <v>778</v>
      </c>
      <c r="D256" s="1" t="s">
        <v>53</v>
      </c>
      <c r="E256" s="1" t="s">
        <v>95</v>
      </c>
      <c r="F256" s="1" t="s">
        <v>402</v>
      </c>
      <c r="G256" s="2">
        <v>395</v>
      </c>
      <c r="H256" s="4">
        <v>765.99</v>
      </c>
      <c r="I256" s="2" t="s">
        <v>45</v>
      </c>
      <c r="J256" s="14">
        <v>44253</v>
      </c>
      <c r="K256" s="14">
        <v>45347</v>
      </c>
      <c r="L256" s="15"/>
    </row>
    <row r="257" spans="1:12" x14ac:dyDescent="0.3">
      <c r="A257" s="2">
        <v>254</v>
      </c>
      <c r="B257" s="3" t="s">
        <v>1011</v>
      </c>
      <c r="C257" s="13" t="s">
        <v>778</v>
      </c>
      <c r="D257" s="1" t="s">
        <v>53</v>
      </c>
      <c r="E257" s="1" t="s">
        <v>96</v>
      </c>
      <c r="F257" s="1" t="s">
        <v>403</v>
      </c>
      <c r="G257" s="2">
        <v>400</v>
      </c>
      <c r="H257" s="4">
        <v>756.41</v>
      </c>
      <c r="I257" s="2" t="s">
        <v>45</v>
      </c>
      <c r="J257" s="14">
        <v>44253</v>
      </c>
      <c r="K257" s="14">
        <v>45347</v>
      </c>
      <c r="L257" s="15"/>
    </row>
    <row r="258" spans="1:12" x14ac:dyDescent="0.3">
      <c r="A258" s="2">
        <v>255</v>
      </c>
      <c r="B258" s="3" t="s">
        <v>1012</v>
      </c>
      <c r="C258" s="13" t="s">
        <v>778</v>
      </c>
      <c r="D258" s="1" t="s">
        <v>53</v>
      </c>
      <c r="E258" s="1" t="s">
        <v>97</v>
      </c>
      <c r="F258" s="1" t="s">
        <v>404</v>
      </c>
      <c r="G258" s="2">
        <v>465</v>
      </c>
      <c r="H258" s="4">
        <v>758.15</v>
      </c>
      <c r="I258" s="2" t="s">
        <v>45</v>
      </c>
      <c r="J258" s="14">
        <v>44253</v>
      </c>
      <c r="K258" s="14">
        <v>45347</v>
      </c>
      <c r="L258" s="15"/>
    </row>
    <row r="259" spans="1:12" x14ac:dyDescent="0.3">
      <c r="A259" s="2">
        <v>256</v>
      </c>
      <c r="B259" s="3" t="s">
        <v>1013</v>
      </c>
      <c r="C259" s="13" t="s">
        <v>778</v>
      </c>
      <c r="D259" s="1" t="s">
        <v>53</v>
      </c>
      <c r="E259" s="1" t="s">
        <v>1014</v>
      </c>
      <c r="F259" s="1" t="s">
        <v>405</v>
      </c>
      <c r="G259" s="2">
        <v>470</v>
      </c>
      <c r="H259" s="4">
        <v>750.09</v>
      </c>
      <c r="I259" s="2" t="s">
        <v>45</v>
      </c>
      <c r="J259" s="14">
        <v>44253</v>
      </c>
      <c r="K259" s="14">
        <v>45347</v>
      </c>
      <c r="L259" s="15"/>
    </row>
    <row r="260" spans="1:12" x14ac:dyDescent="0.3">
      <c r="A260" s="2">
        <v>257</v>
      </c>
      <c r="B260" s="3" t="s">
        <v>1015</v>
      </c>
      <c r="C260" s="13" t="s">
        <v>778</v>
      </c>
      <c r="D260" s="1" t="s">
        <v>53</v>
      </c>
      <c r="E260" s="1" t="s">
        <v>1016</v>
      </c>
      <c r="F260" s="1" t="s">
        <v>406</v>
      </c>
      <c r="G260" s="2">
        <v>475</v>
      </c>
      <c r="H260" s="4">
        <v>742.19</v>
      </c>
      <c r="I260" s="2" t="s">
        <v>45</v>
      </c>
      <c r="J260" s="14">
        <v>44253</v>
      </c>
      <c r="K260" s="14">
        <v>45347</v>
      </c>
      <c r="L260" s="15"/>
    </row>
    <row r="261" spans="1:12" x14ac:dyDescent="0.3">
      <c r="A261" s="2">
        <v>258</v>
      </c>
      <c r="B261" s="3" t="s">
        <v>1017</v>
      </c>
      <c r="C261" s="13" t="s">
        <v>778</v>
      </c>
      <c r="D261" s="1" t="s">
        <v>53</v>
      </c>
      <c r="E261" s="1" t="s">
        <v>1018</v>
      </c>
      <c r="F261" s="1" t="s">
        <v>407</v>
      </c>
      <c r="G261" s="2">
        <v>480</v>
      </c>
      <c r="H261" s="4">
        <v>734.46</v>
      </c>
      <c r="I261" s="2" t="s">
        <v>45</v>
      </c>
      <c r="J261" s="14">
        <v>44253</v>
      </c>
      <c r="K261" s="14">
        <v>45347</v>
      </c>
      <c r="L261" s="15"/>
    </row>
    <row r="262" spans="1:12" x14ac:dyDescent="0.3">
      <c r="A262" s="2">
        <v>259</v>
      </c>
      <c r="B262" s="3" t="s">
        <v>1019</v>
      </c>
      <c r="C262" s="13" t="s">
        <v>778</v>
      </c>
      <c r="D262" s="1" t="s">
        <v>53</v>
      </c>
      <c r="E262" s="1" t="s">
        <v>1020</v>
      </c>
      <c r="F262" s="1" t="s">
        <v>408</v>
      </c>
      <c r="G262" s="2">
        <v>485</v>
      </c>
      <c r="H262" s="4">
        <v>726.89</v>
      </c>
      <c r="I262" s="2" t="s">
        <v>45</v>
      </c>
      <c r="J262" s="14">
        <v>44253</v>
      </c>
      <c r="K262" s="14">
        <v>45347</v>
      </c>
      <c r="L262" s="15"/>
    </row>
    <row r="263" spans="1:12" x14ac:dyDescent="0.3">
      <c r="A263" s="2">
        <v>260</v>
      </c>
      <c r="B263" s="3" t="s">
        <v>1021</v>
      </c>
      <c r="C263" s="13" t="s">
        <v>113</v>
      </c>
      <c r="D263" s="1" t="s">
        <v>922</v>
      </c>
      <c r="E263" s="1" t="s">
        <v>1022</v>
      </c>
      <c r="F263" s="1" t="s">
        <v>409</v>
      </c>
      <c r="G263" s="2">
        <v>335</v>
      </c>
      <c r="H263" s="4">
        <v>783.28</v>
      </c>
      <c r="I263" s="2" t="s">
        <v>45</v>
      </c>
      <c r="J263" s="14">
        <v>44253</v>
      </c>
      <c r="K263" s="14">
        <v>45347</v>
      </c>
      <c r="L263" s="15"/>
    </row>
    <row r="264" spans="1:12" x14ac:dyDescent="0.3">
      <c r="A264" s="2">
        <v>261</v>
      </c>
      <c r="B264" s="3" t="s">
        <v>1023</v>
      </c>
      <c r="C264" s="13" t="s">
        <v>113</v>
      </c>
      <c r="D264" s="1" t="s">
        <v>922</v>
      </c>
      <c r="E264" s="1" t="s">
        <v>1024</v>
      </c>
      <c r="F264" s="1" t="s">
        <v>410</v>
      </c>
      <c r="G264" s="2">
        <v>330</v>
      </c>
      <c r="H264" s="4">
        <v>795.15</v>
      </c>
      <c r="I264" s="2" t="s">
        <v>45</v>
      </c>
      <c r="J264" s="14">
        <v>44253</v>
      </c>
      <c r="K264" s="14">
        <v>45347</v>
      </c>
      <c r="L264" s="15"/>
    </row>
    <row r="265" spans="1:12" x14ac:dyDescent="0.3">
      <c r="A265" s="2">
        <v>262</v>
      </c>
      <c r="B265" s="3" t="s">
        <v>1025</v>
      </c>
      <c r="C265" s="13" t="s">
        <v>113</v>
      </c>
      <c r="D265" s="1" t="s">
        <v>922</v>
      </c>
      <c r="E265" s="1" t="s">
        <v>1026</v>
      </c>
      <c r="F265" s="1" t="s">
        <v>411</v>
      </c>
      <c r="G265" s="2">
        <v>325</v>
      </c>
      <c r="H265" s="4">
        <v>807.38</v>
      </c>
      <c r="I265" s="2" t="s">
        <v>45</v>
      </c>
      <c r="J265" s="14">
        <v>44253</v>
      </c>
      <c r="K265" s="14">
        <v>45347</v>
      </c>
      <c r="L265" s="15"/>
    </row>
    <row r="266" spans="1:12" x14ac:dyDescent="0.3">
      <c r="A266" s="2">
        <v>263</v>
      </c>
      <c r="B266" s="3" t="s">
        <v>1027</v>
      </c>
      <c r="C266" s="13" t="s">
        <v>113</v>
      </c>
      <c r="D266" s="1" t="s">
        <v>922</v>
      </c>
      <c r="E266" s="1" t="s">
        <v>1028</v>
      </c>
      <c r="F266" s="1" t="s">
        <v>412</v>
      </c>
      <c r="G266" s="2">
        <v>320</v>
      </c>
      <c r="H266" s="4">
        <v>820</v>
      </c>
      <c r="I266" s="2" t="s">
        <v>45</v>
      </c>
      <c r="J266" s="14">
        <v>44253</v>
      </c>
      <c r="K266" s="14">
        <v>45347</v>
      </c>
      <c r="L266" s="15"/>
    </row>
    <row r="267" spans="1:12" x14ac:dyDescent="0.3">
      <c r="A267" s="2">
        <v>264</v>
      </c>
      <c r="B267" s="3" t="s">
        <v>1029</v>
      </c>
      <c r="C267" s="13" t="s">
        <v>907</v>
      </c>
      <c r="D267" s="1" t="s">
        <v>133</v>
      </c>
      <c r="E267" s="1" t="s">
        <v>1030</v>
      </c>
      <c r="F267" s="1" t="s">
        <v>413</v>
      </c>
      <c r="G267" s="2">
        <v>445</v>
      </c>
      <c r="H267" s="4">
        <v>732.89</v>
      </c>
      <c r="I267" s="2" t="s">
        <v>45</v>
      </c>
      <c r="J267" s="14">
        <v>44253</v>
      </c>
      <c r="K267" s="14">
        <v>45347</v>
      </c>
      <c r="L267" s="15"/>
    </row>
    <row r="268" spans="1:12" x14ac:dyDescent="0.3">
      <c r="A268" s="2">
        <v>265</v>
      </c>
      <c r="B268" s="3" t="s">
        <v>1031</v>
      </c>
      <c r="C268" s="13" t="s">
        <v>907</v>
      </c>
      <c r="D268" s="1" t="s">
        <v>133</v>
      </c>
      <c r="E268" s="1" t="s">
        <v>1032</v>
      </c>
      <c r="F268" s="1" t="s">
        <v>414</v>
      </c>
      <c r="G268" s="2">
        <v>450</v>
      </c>
      <c r="H268" s="4">
        <v>724.75</v>
      </c>
      <c r="I268" s="2" t="s">
        <v>45</v>
      </c>
      <c r="J268" s="14">
        <v>44253</v>
      </c>
      <c r="K268" s="14">
        <v>45347</v>
      </c>
      <c r="L268" s="15"/>
    </row>
    <row r="269" spans="1:12" x14ac:dyDescent="0.3">
      <c r="A269" s="2">
        <v>266</v>
      </c>
      <c r="B269" s="3" t="s">
        <v>1033</v>
      </c>
      <c r="C269" s="13" t="s">
        <v>1034</v>
      </c>
      <c r="D269" s="1" t="s">
        <v>116</v>
      </c>
      <c r="E269" s="1" t="s">
        <v>1035</v>
      </c>
      <c r="F269" s="1" t="s">
        <v>415</v>
      </c>
      <c r="G269" s="2">
        <v>430</v>
      </c>
      <c r="H269" s="4">
        <v>832.04</v>
      </c>
      <c r="I269" s="2" t="s">
        <v>45</v>
      </c>
      <c r="J269" s="14">
        <v>44253</v>
      </c>
      <c r="K269" s="14">
        <v>45347</v>
      </c>
      <c r="L269" s="15"/>
    </row>
    <row r="270" spans="1:12" x14ac:dyDescent="0.3">
      <c r="A270" s="2">
        <v>267</v>
      </c>
      <c r="B270" s="3" t="s">
        <v>1036</v>
      </c>
      <c r="C270" s="13" t="s">
        <v>1034</v>
      </c>
      <c r="D270" s="1" t="s">
        <v>116</v>
      </c>
      <c r="E270" s="1" t="s">
        <v>1037</v>
      </c>
      <c r="F270" s="1" t="s">
        <v>416</v>
      </c>
      <c r="G270" s="2">
        <v>435</v>
      </c>
      <c r="H270" s="4">
        <v>822.48</v>
      </c>
      <c r="I270" s="2" t="s">
        <v>45</v>
      </c>
      <c r="J270" s="14">
        <v>44253</v>
      </c>
      <c r="K270" s="14">
        <v>45347</v>
      </c>
      <c r="L270" s="15"/>
    </row>
    <row r="271" spans="1:12" x14ac:dyDescent="0.3">
      <c r="A271" s="2">
        <v>268</v>
      </c>
      <c r="B271" s="3" t="s">
        <v>1038</v>
      </c>
      <c r="C271" s="13" t="s">
        <v>1034</v>
      </c>
      <c r="D271" s="1" t="s">
        <v>116</v>
      </c>
      <c r="E271" s="1" t="s">
        <v>1039</v>
      </c>
      <c r="F271" s="1" t="s">
        <v>417</v>
      </c>
      <c r="G271" s="2">
        <v>440</v>
      </c>
      <c r="H271" s="4">
        <v>813.13</v>
      </c>
      <c r="I271" s="2" t="s">
        <v>45</v>
      </c>
      <c r="J271" s="14">
        <v>44253</v>
      </c>
      <c r="K271" s="14">
        <v>45347</v>
      </c>
      <c r="L271" s="15"/>
    </row>
    <row r="272" spans="1:12" x14ac:dyDescent="0.3">
      <c r="A272" s="2">
        <v>269</v>
      </c>
      <c r="B272" s="3" t="s">
        <v>1040</v>
      </c>
      <c r="C272" s="13" t="s">
        <v>880</v>
      </c>
      <c r="D272" s="1" t="s">
        <v>56</v>
      </c>
      <c r="E272" s="1" t="s">
        <v>73</v>
      </c>
      <c r="F272" s="1" t="s">
        <v>418</v>
      </c>
      <c r="G272" s="2">
        <v>425</v>
      </c>
      <c r="H272" s="4">
        <v>813.72</v>
      </c>
      <c r="I272" s="2" t="s">
        <v>45</v>
      </c>
      <c r="J272" s="14">
        <v>44253</v>
      </c>
      <c r="K272" s="14">
        <v>45347</v>
      </c>
      <c r="L272" s="15"/>
    </row>
    <row r="273" spans="1:12" x14ac:dyDescent="0.3">
      <c r="A273" s="2">
        <v>270</v>
      </c>
      <c r="B273" s="3" t="s">
        <v>1041</v>
      </c>
      <c r="C273" s="13" t="s">
        <v>880</v>
      </c>
      <c r="D273" s="1" t="s">
        <v>56</v>
      </c>
      <c r="E273" s="1" t="s">
        <v>74</v>
      </c>
      <c r="F273" s="1" t="s">
        <v>419</v>
      </c>
      <c r="G273" s="2">
        <v>430</v>
      </c>
      <c r="H273" s="4">
        <v>804.26</v>
      </c>
      <c r="I273" s="2" t="s">
        <v>45</v>
      </c>
      <c r="J273" s="14">
        <v>44253</v>
      </c>
      <c r="K273" s="14">
        <v>45347</v>
      </c>
      <c r="L273" s="15"/>
    </row>
    <row r="274" spans="1:12" x14ac:dyDescent="0.3">
      <c r="A274" s="2">
        <v>271</v>
      </c>
      <c r="B274" s="3" t="s">
        <v>1042</v>
      </c>
      <c r="C274" s="13" t="s">
        <v>880</v>
      </c>
      <c r="D274" s="1" t="s">
        <v>56</v>
      </c>
      <c r="E274" s="1" t="s">
        <v>75</v>
      </c>
      <c r="F274" s="1" t="s">
        <v>420</v>
      </c>
      <c r="G274" s="2">
        <v>435</v>
      </c>
      <c r="H274" s="4">
        <v>795.02</v>
      </c>
      <c r="I274" s="2" t="s">
        <v>45</v>
      </c>
      <c r="J274" s="14">
        <v>44253</v>
      </c>
      <c r="K274" s="14">
        <v>45347</v>
      </c>
      <c r="L274" s="15"/>
    </row>
    <row r="275" spans="1:12" x14ac:dyDescent="0.3">
      <c r="A275" s="2">
        <v>272</v>
      </c>
      <c r="B275" s="3" t="s">
        <v>1043</v>
      </c>
      <c r="C275" s="13" t="s">
        <v>880</v>
      </c>
      <c r="D275" s="1" t="s">
        <v>56</v>
      </c>
      <c r="E275" s="1" t="s">
        <v>76</v>
      </c>
      <c r="F275" s="1" t="s">
        <v>421</v>
      </c>
      <c r="G275" s="2">
        <v>440</v>
      </c>
      <c r="H275" s="4">
        <v>785.98</v>
      </c>
      <c r="I275" s="2" t="s">
        <v>45</v>
      </c>
      <c r="J275" s="14">
        <v>44253</v>
      </c>
      <c r="K275" s="14">
        <v>45347</v>
      </c>
      <c r="L275" s="15"/>
    </row>
    <row r="276" spans="1:12" x14ac:dyDescent="0.3">
      <c r="A276" s="2">
        <v>273</v>
      </c>
      <c r="B276" s="3" t="s">
        <v>1044</v>
      </c>
      <c r="C276" s="13" t="s">
        <v>880</v>
      </c>
      <c r="D276" s="1" t="s">
        <v>56</v>
      </c>
      <c r="E276" s="1" t="s">
        <v>893</v>
      </c>
      <c r="F276" s="1" t="s">
        <v>422</v>
      </c>
      <c r="G276" s="2">
        <v>445</v>
      </c>
      <c r="H276" s="4">
        <v>777.15</v>
      </c>
      <c r="I276" s="2" t="s">
        <v>45</v>
      </c>
      <c r="J276" s="14">
        <v>44253</v>
      </c>
      <c r="K276" s="14">
        <v>45347</v>
      </c>
      <c r="L276" s="15"/>
    </row>
    <row r="277" spans="1:12" x14ac:dyDescent="0.3">
      <c r="A277" s="2">
        <v>274</v>
      </c>
      <c r="B277" s="3" t="s">
        <v>1045</v>
      </c>
      <c r="C277" s="13" t="s">
        <v>880</v>
      </c>
      <c r="D277" s="1" t="s">
        <v>56</v>
      </c>
      <c r="E277" s="1" t="s">
        <v>891</v>
      </c>
      <c r="F277" s="1" t="s">
        <v>423</v>
      </c>
      <c r="G277" s="2">
        <v>450</v>
      </c>
      <c r="H277" s="4">
        <v>768.51</v>
      </c>
      <c r="I277" s="2" t="s">
        <v>45</v>
      </c>
      <c r="J277" s="14">
        <v>44253</v>
      </c>
      <c r="K277" s="14">
        <v>45347</v>
      </c>
      <c r="L277" s="15"/>
    </row>
    <row r="278" spans="1:12" x14ac:dyDescent="0.3">
      <c r="A278" s="2">
        <v>275</v>
      </c>
      <c r="B278" s="3" t="s">
        <v>1046</v>
      </c>
      <c r="C278" s="13" t="s">
        <v>880</v>
      </c>
      <c r="D278" s="1" t="s">
        <v>56</v>
      </c>
      <c r="E278" s="1" t="s">
        <v>76</v>
      </c>
      <c r="F278" s="1" t="s">
        <v>424</v>
      </c>
      <c r="G278" s="2">
        <v>440</v>
      </c>
      <c r="H278" s="4">
        <v>669.89</v>
      </c>
      <c r="I278" s="2" t="s">
        <v>45</v>
      </c>
      <c r="J278" s="14">
        <v>44253</v>
      </c>
      <c r="K278" s="14">
        <v>45347</v>
      </c>
      <c r="L278" s="15"/>
    </row>
    <row r="279" spans="1:12" x14ac:dyDescent="0.3">
      <c r="A279" s="2">
        <v>276</v>
      </c>
      <c r="B279" s="3" t="s">
        <v>1047</v>
      </c>
      <c r="C279" s="13" t="s">
        <v>880</v>
      </c>
      <c r="D279" s="1" t="s">
        <v>56</v>
      </c>
      <c r="E279" s="1" t="s">
        <v>98</v>
      </c>
      <c r="F279" s="1" t="s">
        <v>425</v>
      </c>
      <c r="G279" s="2">
        <v>425</v>
      </c>
      <c r="H279" s="4">
        <v>797.12</v>
      </c>
      <c r="I279" s="2" t="s">
        <v>45</v>
      </c>
      <c r="J279" s="14">
        <v>44253</v>
      </c>
      <c r="K279" s="14">
        <v>45347</v>
      </c>
      <c r="L279" s="15"/>
    </row>
    <row r="280" spans="1:12" x14ac:dyDescent="0.3">
      <c r="A280" s="2">
        <v>277</v>
      </c>
      <c r="B280" s="3" t="s">
        <v>1048</v>
      </c>
      <c r="C280" s="13" t="s">
        <v>880</v>
      </c>
      <c r="D280" s="1" t="s">
        <v>56</v>
      </c>
      <c r="E280" s="1" t="s">
        <v>99</v>
      </c>
      <c r="F280" s="1" t="s">
        <v>426</v>
      </c>
      <c r="G280" s="2">
        <v>430</v>
      </c>
      <c r="H280" s="4">
        <v>787.85</v>
      </c>
      <c r="I280" s="2" t="s">
        <v>45</v>
      </c>
      <c r="J280" s="14">
        <v>44253</v>
      </c>
      <c r="K280" s="14">
        <v>45347</v>
      </c>
      <c r="L280" s="15"/>
    </row>
    <row r="281" spans="1:12" x14ac:dyDescent="0.3">
      <c r="A281" s="2">
        <v>278</v>
      </c>
      <c r="B281" s="3" t="s">
        <v>1049</v>
      </c>
      <c r="C281" s="13" t="s">
        <v>880</v>
      </c>
      <c r="D281" s="1" t="s">
        <v>56</v>
      </c>
      <c r="E281" s="1" t="s">
        <v>100</v>
      </c>
      <c r="F281" s="1" t="s">
        <v>427</v>
      </c>
      <c r="G281" s="2">
        <v>435</v>
      </c>
      <c r="H281" s="4">
        <v>778.79</v>
      </c>
      <c r="I281" s="2" t="s">
        <v>45</v>
      </c>
      <c r="J281" s="14">
        <v>44253</v>
      </c>
      <c r="K281" s="14">
        <v>45347</v>
      </c>
      <c r="L281" s="15"/>
    </row>
    <row r="282" spans="1:12" x14ac:dyDescent="0.3">
      <c r="A282" s="2">
        <v>279</v>
      </c>
      <c r="B282" s="3" t="s">
        <v>1050</v>
      </c>
      <c r="C282" s="13" t="s">
        <v>880</v>
      </c>
      <c r="D282" s="1" t="s">
        <v>56</v>
      </c>
      <c r="E282" s="1" t="s">
        <v>101</v>
      </c>
      <c r="F282" s="1" t="s">
        <v>428</v>
      </c>
      <c r="G282" s="2">
        <v>440</v>
      </c>
      <c r="H282" s="4">
        <v>769.94</v>
      </c>
      <c r="I282" s="2" t="s">
        <v>45</v>
      </c>
      <c r="J282" s="14">
        <v>44253</v>
      </c>
      <c r="K282" s="14">
        <v>45347</v>
      </c>
      <c r="L282" s="15"/>
    </row>
    <row r="283" spans="1:12" x14ac:dyDescent="0.3">
      <c r="A283" s="2">
        <v>280</v>
      </c>
      <c r="B283" s="3" t="s">
        <v>1051</v>
      </c>
      <c r="C283" s="13" t="s">
        <v>880</v>
      </c>
      <c r="D283" s="1" t="s">
        <v>56</v>
      </c>
      <c r="E283" s="1" t="s">
        <v>102</v>
      </c>
      <c r="F283" s="1" t="s">
        <v>429</v>
      </c>
      <c r="G283" s="2">
        <v>445</v>
      </c>
      <c r="H283" s="4">
        <v>761.29</v>
      </c>
      <c r="I283" s="2" t="s">
        <v>45</v>
      </c>
      <c r="J283" s="14">
        <v>44253</v>
      </c>
      <c r="K283" s="14">
        <v>45347</v>
      </c>
      <c r="L283" s="15"/>
    </row>
    <row r="284" spans="1:12" x14ac:dyDescent="0.3">
      <c r="A284" s="2">
        <v>281</v>
      </c>
      <c r="B284" s="3" t="s">
        <v>1052</v>
      </c>
      <c r="C284" s="13" t="s">
        <v>880</v>
      </c>
      <c r="D284" s="1" t="s">
        <v>56</v>
      </c>
      <c r="E284" s="1" t="s">
        <v>103</v>
      </c>
      <c r="F284" s="1" t="s">
        <v>430</v>
      </c>
      <c r="G284" s="2">
        <v>450</v>
      </c>
      <c r="H284" s="4">
        <v>752.83</v>
      </c>
      <c r="I284" s="2" t="s">
        <v>45</v>
      </c>
      <c r="J284" s="14">
        <v>44253</v>
      </c>
      <c r="K284" s="14">
        <v>45347</v>
      </c>
      <c r="L284" s="15"/>
    </row>
    <row r="285" spans="1:12" x14ac:dyDescent="0.3">
      <c r="A285" s="2">
        <v>282</v>
      </c>
      <c r="B285" s="3" t="s">
        <v>1053</v>
      </c>
      <c r="C285" s="13" t="s">
        <v>880</v>
      </c>
      <c r="D285" s="1" t="s">
        <v>56</v>
      </c>
      <c r="E285" s="1" t="s">
        <v>98</v>
      </c>
      <c r="F285" s="1" t="s">
        <v>431</v>
      </c>
      <c r="G285" s="2">
        <v>425</v>
      </c>
      <c r="H285" s="4">
        <v>676.93</v>
      </c>
      <c r="I285" s="2" t="s">
        <v>45</v>
      </c>
      <c r="J285" s="14">
        <v>44253</v>
      </c>
      <c r="K285" s="14">
        <v>45347</v>
      </c>
      <c r="L285" s="15"/>
    </row>
    <row r="286" spans="1:12" x14ac:dyDescent="0.3">
      <c r="A286" s="2">
        <v>283</v>
      </c>
      <c r="B286" s="3" t="s">
        <v>1054</v>
      </c>
      <c r="C286" s="13" t="s">
        <v>880</v>
      </c>
      <c r="D286" s="1" t="s">
        <v>56</v>
      </c>
      <c r="E286" s="1" t="s">
        <v>99</v>
      </c>
      <c r="F286" s="1" t="s">
        <v>432</v>
      </c>
      <c r="G286" s="2">
        <v>430</v>
      </c>
      <c r="H286" s="4">
        <v>669.05</v>
      </c>
      <c r="I286" s="2" t="s">
        <v>45</v>
      </c>
      <c r="J286" s="14">
        <v>44253</v>
      </c>
      <c r="K286" s="14">
        <v>45347</v>
      </c>
      <c r="L286" s="15"/>
    </row>
    <row r="287" spans="1:12" x14ac:dyDescent="0.3">
      <c r="A287" s="2">
        <v>284</v>
      </c>
      <c r="B287" s="3" t="s">
        <v>1055</v>
      </c>
      <c r="C287" s="13" t="s">
        <v>880</v>
      </c>
      <c r="D287" s="1" t="s">
        <v>56</v>
      </c>
      <c r="E287" s="1" t="s">
        <v>100</v>
      </c>
      <c r="F287" s="1" t="s">
        <v>433</v>
      </c>
      <c r="G287" s="2">
        <v>435</v>
      </c>
      <c r="H287" s="4">
        <v>661.36</v>
      </c>
      <c r="I287" s="2" t="s">
        <v>45</v>
      </c>
      <c r="J287" s="14">
        <v>44253</v>
      </c>
      <c r="K287" s="14">
        <v>45347</v>
      </c>
      <c r="L287" s="15"/>
    </row>
    <row r="288" spans="1:12" x14ac:dyDescent="0.3">
      <c r="A288" s="2">
        <v>285</v>
      </c>
      <c r="B288" s="3" t="s">
        <v>1056</v>
      </c>
      <c r="C288" s="13" t="s">
        <v>880</v>
      </c>
      <c r="D288" s="1" t="s">
        <v>56</v>
      </c>
      <c r="E288" s="1" t="s">
        <v>101</v>
      </c>
      <c r="F288" s="1" t="s">
        <v>434</v>
      </c>
      <c r="G288" s="2">
        <v>440</v>
      </c>
      <c r="H288" s="4">
        <v>653.85</v>
      </c>
      <c r="I288" s="2" t="s">
        <v>45</v>
      </c>
      <c r="J288" s="14">
        <v>44253</v>
      </c>
      <c r="K288" s="14">
        <v>45347</v>
      </c>
      <c r="L288" s="15"/>
    </row>
    <row r="289" spans="1:12" x14ac:dyDescent="0.3">
      <c r="A289" s="2">
        <v>286</v>
      </c>
      <c r="B289" s="3" t="s">
        <v>1057</v>
      </c>
      <c r="C289" s="13" t="s">
        <v>880</v>
      </c>
      <c r="D289" s="1" t="s">
        <v>56</v>
      </c>
      <c r="E289" s="1" t="s">
        <v>102</v>
      </c>
      <c r="F289" s="1" t="s">
        <v>435</v>
      </c>
      <c r="G289" s="2">
        <v>445</v>
      </c>
      <c r="H289" s="4">
        <v>646.5</v>
      </c>
      <c r="I289" s="2" t="s">
        <v>45</v>
      </c>
      <c r="J289" s="14">
        <v>44253</v>
      </c>
      <c r="K289" s="14">
        <v>45347</v>
      </c>
      <c r="L289" s="15"/>
    </row>
    <row r="290" spans="1:12" x14ac:dyDescent="0.3">
      <c r="A290" s="2">
        <v>287</v>
      </c>
      <c r="B290" s="3" t="s">
        <v>1058</v>
      </c>
      <c r="C290" s="13" t="s">
        <v>880</v>
      </c>
      <c r="D290" s="1" t="s">
        <v>56</v>
      </c>
      <c r="E290" s="1" t="s">
        <v>103</v>
      </c>
      <c r="F290" s="1" t="s">
        <v>436</v>
      </c>
      <c r="G290" s="2">
        <v>450</v>
      </c>
      <c r="H290" s="4">
        <v>639.32000000000005</v>
      </c>
      <c r="I290" s="2" t="s">
        <v>45</v>
      </c>
      <c r="J290" s="14">
        <v>44253</v>
      </c>
      <c r="K290" s="14">
        <v>45347</v>
      </c>
      <c r="L290" s="15"/>
    </row>
    <row r="291" spans="1:12" x14ac:dyDescent="0.3">
      <c r="A291" s="2">
        <v>288</v>
      </c>
      <c r="B291" s="3" t="s">
        <v>1059</v>
      </c>
      <c r="C291" s="13" t="s">
        <v>880</v>
      </c>
      <c r="D291" s="1" t="s">
        <v>56</v>
      </c>
      <c r="E291" s="1" t="s">
        <v>1060</v>
      </c>
      <c r="F291" s="1" t="s">
        <v>437</v>
      </c>
      <c r="G291" s="2">
        <v>420</v>
      </c>
      <c r="H291" s="4">
        <v>822.93</v>
      </c>
      <c r="I291" s="2" t="s">
        <v>45</v>
      </c>
      <c r="J291" s="14">
        <v>44253</v>
      </c>
      <c r="K291" s="14">
        <v>45347</v>
      </c>
      <c r="L291" s="15"/>
    </row>
    <row r="292" spans="1:12" x14ac:dyDescent="0.3">
      <c r="A292" s="2">
        <v>289</v>
      </c>
      <c r="B292" s="3" t="s">
        <v>1061</v>
      </c>
      <c r="C292" s="13" t="s">
        <v>880</v>
      </c>
      <c r="D292" s="1" t="s">
        <v>56</v>
      </c>
      <c r="E292" s="1" t="s">
        <v>1062</v>
      </c>
      <c r="F292" s="1" t="s">
        <v>438</v>
      </c>
      <c r="G292" s="2">
        <v>425</v>
      </c>
      <c r="H292" s="4">
        <v>813.25</v>
      </c>
      <c r="I292" s="2" t="s">
        <v>45</v>
      </c>
      <c r="J292" s="14">
        <v>44253</v>
      </c>
      <c r="K292" s="14">
        <v>45347</v>
      </c>
      <c r="L292" s="15"/>
    </row>
    <row r="293" spans="1:12" x14ac:dyDescent="0.3">
      <c r="A293" s="2">
        <v>290</v>
      </c>
      <c r="B293" s="3" t="s">
        <v>1063</v>
      </c>
      <c r="C293" s="13" t="s">
        <v>880</v>
      </c>
      <c r="D293" s="1" t="s">
        <v>56</v>
      </c>
      <c r="E293" s="1" t="s">
        <v>1064</v>
      </c>
      <c r="F293" s="1" t="s">
        <v>439</v>
      </c>
      <c r="G293" s="2">
        <v>430</v>
      </c>
      <c r="H293" s="4">
        <v>803.79</v>
      </c>
      <c r="I293" s="2" t="s">
        <v>45</v>
      </c>
      <c r="J293" s="14">
        <v>44253</v>
      </c>
      <c r="K293" s="14">
        <v>45347</v>
      </c>
      <c r="L293" s="15"/>
    </row>
    <row r="294" spans="1:12" x14ac:dyDescent="0.3">
      <c r="A294" s="2">
        <v>291</v>
      </c>
      <c r="B294" s="3" t="s">
        <v>1065</v>
      </c>
      <c r="C294" s="13" t="s">
        <v>880</v>
      </c>
      <c r="D294" s="1" t="s">
        <v>56</v>
      </c>
      <c r="E294" s="1" t="s">
        <v>1066</v>
      </c>
      <c r="F294" s="1" t="s">
        <v>440</v>
      </c>
      <c r="G294" s="2">
        <v>435</v>
      </c>
      <c r="H294" s="4">
        <v>794.55</v>
      </c>
      <c r="I294" s="2" t="s">
        <v>45</v>
      </c>
      <c r="J294" s="14">
        <v>44253</v>
      </c>
      <c r="K294" s="14">
        <v>45347</v>
      </c>
      <c r="L294" s="15"/>
    </row>
    <row r="295" spans="1:12" x14ac:dyDescent="0.3">
      <c r="A295" s="2">
        <v>292</v>
      </c>
      <c r="B295" s="3" t="s">
        <v>1067</v>
      </c>
      <c r="C295" s="13" t="s">
        <v>880</v>
      </c>
      <c r="D295" s="1" t="s">
        <v>56</v>
      </c>
      <c r="E295" s="1" t="s">
        <v>1068</v>
      </c>
      <c r="F295" s="1" t="s">
        <v>441</v>
      </c>
      <c r="G295" s="2">
        <v>440</v>
      </c>
      <c r="H295" s="4">
        <v>785.53</v>
      </c>
      <c r="I295" s="2" t="s">
        <v>45</v>
      </c>
      <c r="J295" s="14">
        <v>44253</v>
      </c>
      <c r="K295" s="14">
        <v>45347</v>
      </c>
      <c r="L295" s="15"/>
    </row>
    <row r="296" spans="1:12" x14ac:dyDescent="0.3">
      <c r="A296" s="2">
        <v>293</v>
      </c>
      <c r="B296" s="3" t="s">
        <v>1069</v>
      </c>
      <c r="C296" s="13" t="s">
        <v>1070</v>
      </c>
      <c r="D296" s="1" t="s">
        <v>117</v>
      </c>
      <c r="E296" s="1" t="s">
        <v>104</v>
      </c>
      <c r="F296" s="1" t="s">
        <v>442</v>
      </c>
      <c r="G296" s="2">
        <v>375</v>
      </c>
      <c r="H296" s="4">
        <v>816.65</v>
      </c>
      <c r="I296" s="2" t="s">
        <v>45</v>
      </c>
      <c r="J296" s="14">
        <v>44253</v>
      </c>
      <c r="K296" s="14">
        <v>45347</v>
      </c>
      <c r="L296" s="15"/>
    </row>
    <row r="297" spans="1:12" x14ac:dyDescent="0.3">
      <c r="A297" s="2">
        <v>294</v>
      </c>
      <c r="B297" s="3" t="s">
        <v>1071</v>
      </c>
      <c r="C297" s="13" t="s">
        <v>1070</v>
      </c>
      <c r="D297" s="1" t="s">
        <v>117</v>
      </c>
      <c r="E297" s="1" t="s">
        <v>105</v>
      </c>
      <c r="F297" s="1" t="s">
        <v>443</v>
      </c>
      <c r="G297" s="2">
        <v>385</v>
      </c>
      <c r="H297" s="4">
        <v>813.59</v>
      </c>
      <c r="I297" s="2" t="s">
        <v>45</v>
      </c>
      <c r="J297" s="14">
        <v>44253</v>
      </c>
      <c r="K297" s="14">
        <v>45347</v>
      </c>
      <c r="L297" s="15"/>
    </row>
    <row r="298" spans="1:12" x14ac:dyDescent="0.3">
      <c r="A298" s="2">
        <v>295</v>
      </c>
      <c r="B298" s="3" t="s">
        <v>1072</v>
      </c>
      <c r="C298" s="13" t="s">
        <v>62</v>
      </c>
      <c r="D298" s="1" t="s">
        <v>54</v>
      </c>
      <c r="E298" s="1" t="s">
        <v>106</v>
      </c>
      <c r="F298" s="1" t="s">
        <v>444</v>
      </c>
      <c r="G298" s="2">
        <v>410</v>
      </c>
      <c r="H298" s="4">
        <v>671.16</v>
      </c>
      <c r="I298" s="2" t="s">
        <v>45</v>
      </c>
      <c r="J298" s="14">
        <v>44253</v>
      </c>
      <c r="K298" s="14">
        <v>45347</v>
      </c>
      <c r="L298" s="15"/>
    </row>
    <row r="299" spans="1:12" x14ac:dyDescent="0.3">
      <c r="A299" s="2">
        <v>296</v>
      </c>
      <c r="B299" s="3" t="s">
        <v>1073</v>
      </c>
      <c r="C299" s="13" t="s">
        <v>62</v>
      </c>
      <c r="D299" s="1" t="s">
        <v>54</v>
      </c>
      <c r="E299" s="1" t="s">
        <v>107</v>
      </c>
      <c r="F299" s="1" t="s">
        <v>445</v>
      </c>
      <c r="G299" s="2">
        <v>415</v>
      </c>
      <c r="H299" s="4">
        <v>663.07</v>
      </c>
      <c r="I299" s="2" t="s">
        <v>45</v>
      </c>
      <c r="J299" s="14">
        <v>44253</v>
      </c>
      <c r="K299" s="14">
        <v>45347</v>
      </c>
      <c r="L299" s="15"/>
    </row>
    <row r="300" spans="1:12" x14ac:dyDescent="0.3">
      <c r="A300" s="2">
        <v>297</v>
      </c>
      <c r="B300" s="3" t="s">
        <v>1074</v>
      </c>
      <c r="C300" s="13" t="s">
        <v>62</v>
      </c>
      <c r="D300" s="1" t="s">
        <v>54</v>
      </c>
      <c r="E300" s="1" t="s">
        <v>108</v>
      </c>
      <c r="F300" s="1" t="s">
        <v>446</v>
      </c>
      <c r="G300" s="2">
        <v>420</v>
      </c>
      <c r="H300" s="4">
        <v>655.17999999999995</v>
      </c>
      <c r="I300" s="2" t="s">
        <v>45</v>
      </c>
      <c r="J300" s="14">
        <v>44253</v>
      </c>
      <c r="K300" s="14">
        <v>45347</v>
      </c>
      <c r="L300" s="15"/>
    </row>
    <row r="301" spans="1:12" x14ac:dyDescent="0.3">
      <c r="A301" s="2">
        <v>298</v>
      </c>
      <c r="B301" s="3" t="s">
        <v>1075</v>
      </c>
      <c r="C301" s="13" t="s">
        <v>62</v>
      </c>
      <c r="D301" s="1" t="s">
        <v>54</v>
      </c>
      <c r="E301" s="1" t="s">
        <v>106</v>
      </c>
      <c r="F301" s="1" t="s">
        <v>447</v>
      </c>
      <c r="G301" s="2">
        <v>410</v>
      </c>
      <c r="H301" s="4">
        <v>758.86</v>
      </c>
      <c r="I301" s="2" t="s">
        <v>45</v>
      </c>
      <c r="J301" s="14">
        <v>44253</v>
      </c>
      <c r="K301" s="14">
        <v>45347</v>
      </c>
      <c r="L301" s="15"/>
    </row>
    <row r="302" spans="1:12" x14ac:dyDescent="0.3">
      <c r="A302" s="2">
        <v>299</v>
      </c>
      <c r="B302" s="3" t="s">
        <v>1076</v>
      </c>
      <c r="C302" s="13" t="s">
        <v>62</v>
      </c>
      <c r="D302" s="1" t="s">
        <v>54</v>
      </c>
      <c r="E302" s="1" t="s">
        <v>107</v>
      </c>
      <c r="F302" s="1" t="s">
        <v>448</v>
      </c>
      <c r="G302" s="2">
        <v>415</v>
      </c>
      <c r="H302" s="4">
        <v>749.72</v>
      </c>
      <c r="I302" s="2" t="s">
        <v>45</v>
      </c>
      <c r="J302" s="14">
        <v>44253</v>
      </c>
      <c r="K302" s="14">
        <v>45347</v>
      </c>
      <c r="L302" s="15"/>
    </row>
    <row r="303" spans="1:12" x14ac:dyDescent="0.3">
      <c r="A303" s="2">
        <v>300</v>
      </c>
      <c r="B303" s="3" t="s">
        <v>1077</v>
      </c>
      <c r="C303" s="13" t="s">
        <v>62</v>
      </c>
      <c r="D303" s="1" t="s">
        <v>54</v>
      </c>
      <c r="E303" s="1" t="s">
        <v>108</v>
      </c>
      <c r="F303" s="1" t="s">
        <v>449</v>
      </c>
      <c r="G303" s="2">
        <v>420</v>
      </c>
      <c r="H303" s="4">
        <v>740.8</v>
      </c>
      <c r="I303" s="2" t="s">
        <v>45</v>
      </c>
      <c r="J303" s="14">
        <v>44253</v>
      </c>
      <c r="K303" s="14">
        <v>45347</v>
      </c>
      <c r="L303" s="15"/>
    </row>
    <row r="304" spans="1:12" x14ac:dyDescent="0.3">
      <c r="A304" s="2">
        <v>301</v>
      </c>
      <c r="B304" s="3" t="s">
        <v>1078</v>
      </c>
      <c r="C304" s="13" t="s">
        <v>62</v>
      </c>
      <c r="D304" s="1" t="s">
        <v>54</v>
      </c>
      <c r="E304" s="1" t="s">
        <v>1079</v>
      </c>
      <c r="F304" s="1" t="s">
        <v>450</v>
      </c>
      <c r="G304" s="2">
        <v>415</v>
      </c>
      <c r="H304" s="4">
        <v>645.96</v>
      </c>
      <c r="I304" s="2" t="s">
        <v>45</v>
      </c>
      <c r="J304" s="14">
        <v>44253</v>
      </c>
      <c r="K304" s="14">
        <v>45347</v>
      </c>
      <c r="L304" s="15"/>
    </row>
    <row r="305" spans="1:12" x14ac:dyDescent="0.3">
      <c r="A305" s="2">
        <v>302</v>
      </c>
      <c r="B305" s="3" t="s">
        <v>1080</v>
      </c>
      <c r="C305" s="13" t="s">
        <v>62</v>
      </c>
      <c r="D305" s="1" t="s">
        <v>54</v>
      </c>
      <c r="E305" s="1" t="s">
        <v>1081</v>
      </c>
      <c r="F305" s="1" t="s">
        <v>451</v>
      </c>
      <c r="G305" s="2">
        <v>420</v>
      </c>
      <c r="H305" s="4">
        <v>638.27</v>
      </c>
      <c r="I305" s="2" t="s">
        <v>45</v>
      </c>
      <c r="J305" s="14">
        <v>44253</v>
      </c>
      <c r="K305" s="14">
        <v>45347</v>
      </c>
      <c r="L305" s="15"/>
    </row>
    <row r="306" spans="1:12" x14ac:dyDescent="0.3">
      <c r="A306" s="2">
        <v>303</v>
      </c>
      <c r="B306" s="3" t="s">
        <v>1082</v>
      </c>
      <c r="C306" s="13" t="s">
        <v>62</v>
      </c>
      <c r="D306" s="1" t="s">
        <v>54</v>
      </c>
      <c r="E306" s="1" t="s">
        <v>1083</v>
      </c>
      <c r="F306" s="1" t="s">
        <v>452</v>
      </c>
      <c r="G306" s="2">
        <v>425</v>
      </c>
      <c r="H306" s="4">
        <v>630.76</v>
      </c>
      <c r="I306" s="2" t="s">
        <v>45</v>
      </c>
      <c r="J306" s="14">
        <v>44253</v>
      </c>
      <c r="K306" s="14">
        <v>45347</v>
      </c>
      <c r="L306" s="15"/>
    </row>
    <row r="307" spans="1:12" x14ac:dyDescent="0.3">
      <c r="A307" s="2">
        <v>304</v>
      </c>
      <c r="B307" s="3" t="s">
        <v>1084</v>
      </c>
      <c r="C307" s="13" t="s">
        <v>62</v>
      </c>
      <c r="D307" s="1" t="s">
        <v>54</v>
      </c>
      <c r="E307" s="1" t="s">
        <v>1085</v>
      </c>
      <c r="F307" s="1" t="s">
        <v>453</v>
      </c>
      <c r="G307" s="2">
        <v>430</v>
      </c>
      <c r="H307" s="4">
        <v>623.42999999999995</v>
      </c>
      <c r="I307" s="2" t="s">
        <v>45</v>
      </c>
      <c r="J307" s="14">
        <v>44253</v>
      </c>
      <c r="K307" s="14">
        <v>45347</v>
      </c>
      <c r="L307" s="15"/>
    </row>
    <row r="308" spans="1:12" x14ac:dyDescent="0.3">
      <c r="A308" s="2">
        <v>305</v>
      </c>
      <c r="B308" s="3" t="s">
        <v>1086</v>
      </c>
      <c r="C308" s="13" t="s">
        <v>62</v>
      </c>
      <c r="D308" s="1" t="s">
        <v>54</v>
      </c>
      <c r="E308" s="1" t="s">
        <v>1079</v>
      </c>
      <c r="F308" s="1" t="s">
        <v>454</v>
      </c>
      <c r="G308" s="2">
        <v>415</v>
      </c>
      <c r="H308" s="4">
        <v>732.62</v>
      </c>
      <c r="I308" s="2" t="s">
        <v>45</v>
      </c>
      <c r="J308" s="14">
        <v>44253</v>
      </c>
      <c r="K308" s="14">
        <v>45347</v>
      </c>
      <c r="L308" s="15"/>
    </row>
    <row r="309" spans="1:12" x14ac:dyDescent="0.3">
      <c r="A309" s="2">
        <v>306</v>
      </c>
      <c r="B309" s="3" t="s">
        <v>1087</v>
      </c>
      <c r="C309" s="13" t="s">
        <v>62</v>
      </c>
      <c r="D309" s="1" t="s">
        <v>54</v>
      </c>
      <c r="E309" s="1" t="s">
        <v>1081</v>
      </c>
      <c r="F309" s="1" t="s">
        <v>455</v>
      </c>
      <c r="G309" s="2">
        <v>420</v>
      </c>
      <c r="H309" s="4">
        <v>723.89</v>
      </c>
      <c r="I309" s="2" t="s">
        <v>45</v>
      </c>
      <c r="J309" s="14">
        <v>44253</v>
      </c>
      <c r="K309" s="14">
        <v>45347</v>
      </c>
      <c r="L309" s="15"/>
    </row>
    <row r="310" spans="1:12" x14ac:dyDescent="0.3">
      <c r="A310" s="2">
        <v>307</v>
      </c>
      <c r="B310" s="3" t="s">
        <v>1088</v>
      </c>
      <c r="C310" s="13" t="s">
        <v>62</v>
      </c>
      <c r="D310" s="1" t="s">
        <v>54</v>
      </c>
      <c r="E310" s="1" t="s">
        <v>1083</v>
      </c>
      <c r="F310" s="1" t="s">
        <v>456</v>
      </c>
      <c r="G310" s="2">
        <v>425</v>
      </c>
      <c r="H310" s="4">
        <v>715.38</v>
      </c>
      <c r="I310" s="2" t="s">
        <v>45</v>
      </c>
      <c r="J310" s="14">
        <v>44253</v>
      </c>
      <c r="K310" s="14">
        <v>45347</v>
      </c>
      <c r="L310" s="15"/>
    </row>
    <row r="311" spans="1:12" x14ac:dyDescent="0.3">
      <c r="A311" s="2">
        <v>308</v>
      </c>
      <c r="B311" s="3" t="s">
        <v>1089</v>
      </c>
      <c r="C311" s="13" t="s">
        <v>62</v>
      </c>
      <c r="D311" s="1" t="s">
        <v>54</v>
      </c>
      <c r="E311" s="1" t="s">
        <v>1085</v>
      </c>
      <c r="F311" s="1" t="s">
        <v>457</v>
      </c>
      <c r="G311" s="2">
        <v>430</v>
      </c>
      <c r="H311" s="4">
        <v>707.06</v>
      </c>
      <c r="I311" s="2" t="s">
        <v>45</v>
      </c>
      <c r="J311" s="14">
        <v>44253</v>
      </c>
      <c r="K311" s="14">
        <v>45347</v>
      </c>
      <c r="L311" s="15"/>
    </row>
    <row r="312" spans="1:12" x14ac:dyDescent="0.3">
      <c r="A312" s="2">
        <v>309</v>
      </c>
      <c r="B312" s="3" t="s">
        <v>1090</v>
      </c>
      <c r="C312" s="13" t="s">
        <v>62</v>
      </c>
      <c r="D312" s="1" t="s">
        <v>51</v>
      </c>
      <c r="E312" s="1" t="s">
        <v>109</v>
      </c>
      <c r="F312" s="1" t="s">
        <v>458</v>
      </c>
      <c r="G312" s="2">
        <v>445</v>
      </c>
      <c r="H312" s="4">
        <v>667.67</v>
      </c>
      <c r="I312" s="2" t="s">
        <v>45</v>
      </c>
      <c r="J312" s="14">
        <v>44253</v>
      </c>
      <c r="K312" s="14">
        <v>45347</v>
      </c>
      <c r="L312" s="15"/>
    </row>
    <row r="313" spans="1:12" x14ac:dyDescent="0.3">
      <c r="A313" s="2">
        <v>310</v>
      </c>
      <c r="B313" s="3" t="s">
        <v>1091</v>
      </c>
      <c r="C313" s="13" t="s">
        <v>62</v>
      </c>
      <c r="D313" s="1" t="s">
        <v>51</v>
      </c>
      <c r="E313" s="1" t="s">
        <v>110</v>
      </c>
      <c r="F313" s="1" t="s">
        <v>459</v>
      </c>
      <c r="G313" s="2">
        <v>450</v>
      </c>
      <c r="H313" s="4">
        <v>660.25</v>
      </c>
      <c r="I313" s="2" t="s">
        <v>45</v>
      </c>
      <c r="J313" s="14">
        <v>44253</v>
      </c>
      <c r="K313" s="14">
        <v>45347</v>
      </c>
      <c r="L313" s="15"/>
    </row>
    <row r="314" spans="1:12" x14ac:dyDescent="0.3">
      <c r="A314" s="2">
        <v>311</v>
      </c>
      <c r="B314" s="3" t="s">
        <v>1092</v>
      </c>
      <c r="C314" s="13" t="s">
        <v>62</v>
      </c>
      <c r="D314" s="1" t="s">
        <v>51</v>
      </c>
      <c r="E314" s="1" t="s">
        <v>111</v>
      </c>
      <c r="F314" s="1" t="s">
        <v>460</v>
      </c>
      <c r="G314" s="2">
        <v>455</v>
      </c>
      <c r="H314" s="4">
        <v>652.99</v>
      </c>
      <c r="I314" s="2" t="s">
        <v>45</v>
      </c>
      <c r="J314" s="14">
        <v>44253</v>
      </c>
      <c r="K314" s="14">
        <v>45347</v>
      </c>
      <c r="L314" s="15"/>
    </row>
    <row r="315" spans="1:12" x14ac:dyDescent="0.3">
      <c r="A315" s="2">
        <v>312</v>
      </c>
      <c r="B315" s="3" t="s">
        <v>1093</v>
      </c>
      <c r="C315" s="13" t="s">
        <v>62</v>
      </c>
      <c r="D315" s="1" t="s">
        <v>51</v>
      </c>
      <c r="E315" s="1" t="s">
        <v>109</v>
      </c>
      <c r="F315" s="1" t="s">
        <v>461</v>
      </c>
      <c r="G315" s="2">
        <v>445</v>
      </c>
      <c r="H315" s="4">
        <v>755.17</v>
      </c>
      <c r="I315" s="2" t="s">
        <v>45</v>
      </c>
      <c r="J315" s="14">
        <v>44253</v>
      </c>
      <c r="K315" s="14">
        <v>45347</v>
      </c>
      <c r="L315" s="15"/>
    </row>
    <row r="316" spans="1:12" x14ac:dyDescent="0.3">
      <c r="A316" s="2">
        <v>313</v>
      </c>
      <c r="B316" s="3" t="s">
        <v>1094</v>
      </c>
      <c r="C316" s="13" t="s">
        <v>62</v>
      </c>
      <c r="D316" s="1" t="s">
        <v>51</v>
      </c>
      <c r="E316" s="1" t="s">
        <v>110</v>
      </c>
      <c r="F316" s="1" t="s">
        <v>462</v>
      </c>
      <c r="G316" s="2">
        <v>450</v>
      </c>
      <c r="H316" s="4">
        <v>746.77</v>
      </c>
      <c r="I316" s="2" t="s">
        <v>45</v>
      </c>
      <c r="J316" s="14">
        <v>44253</v>
      </c>
      <c r="K316" s="14">
        <v>45347</v>
      </c>
      <c r="L316" s="15"/>
    </row>
    <row r="317" spans="1:12" x14ac:dyDescent="0.3">
      <c r="A317" s="2">
        <v>314</v>
      </c>
      <c r="B317" s="3" t="s">
        <v>1095</v>
      </c>
      <c r="C317" s="13" t="s">
        <v>62</v>
      </c>
      <c r="D317" s="1" t="s">
        <v>51</v>
      </c>
      <c r="E317" s="1" t="s">
        <v>111</v>
      </c>
      <c r="F317" s="1" t="s">
        <v>463</v>
      </c>
      <c r="G317" s="2">
        <v>455</v>
      </c>
      <c r="H317" s="4">
        <v>738.57</v>
      </c>
      <c r="I317" s="2" t="s">
        <v>45</v>
      </c>
      <c r="J317" s="14">
        <v>44253</v>
      </c>
      <c r="K317" s="14">
        <v>45347</v>
      </c>
      <c r="L317" s="15"/>
    </row>
    <row r="318" spans="1:12" x14ac:dyDescent="0.3">
      <c r="A318" s="2">
        <v>315</v>
      </c>
      <c r="B318" s="3" t="s">
        <v>1096</v>
      </c>
      <c r="C318" s="13" t="s">
        <v>62</v>
      </c>
      <c r="D318" s="1" t="s">
        <v>51</v>
      </c>
      <c r="E318" s="1" t="s">
        <v>1097</v>
      </c>
      <c r="F318" s="1" t="s">
        <v>464</v>
      </c>
      <c r="G318" s="2">
        <v>445</v>
      </c>
      <c r="H318" s="4">
        <v>652.03</v>
      </c>
      <c r="I318" s="2" t="s">
        <v>45</v>
      </c>
      <c r="J318" s="14">
        <v>44253</v>
      </c>
      <c r="K318" s="14">
        <v>45347</v>
      </c>
      <c r="L318" s="15"/>
    </row>
    <row r="319" spans="1:12" x14ac:dyDescent="0.3">
      <c r="A319" s="2">
        <v>316</v>
      </c>
      <c r="B319" s="3" t="s">
        <v>1098</v>
      </c>
      <c r="C319" s="13" t="s">
        <v>62</v>
      </c>
      <c r="D319" s="1" t="s">
        <v>51</v>
      </c>
      <c r="E319" s="1" t="s">
        <v>632</v>
      </c>
      <c r="F319" s="1" t="s">
        <v>465</v>
      </c>
      <c r="G319" s="2">
        <v>450</v>
      </c>
      <c r="H319" s="4">
        <v>644.79</v>
      </c>
      <c r="I319" s="2" t="s">
        <v>45</v>
      </c>
      <c r="J319" s="14">
        <v>44253</v>
      </c>
      <c r="K319" s="14">
        <v>45347</v>
      </c>
      <c r="L319" s="15"/>
    </row>
    <row r="320" spans="1:12" x14ac:dyDescent="0.3">
      <c r="A320" s="2">
        <v>317</v>
      </c>
      <c r="B320" s="3" t="s">
        <v>1099</v>
      </c>
      <c r="C320" s="13" t="s">
        <v>62</v>
      </c>
      <c r="D320" s="1" t="s">
        <v>51</v>
      </c>
      <c r="E320" s="1" t="s">
        <v>1100</v>
      </c>
      <c r="F320" s="1" t="s">
        <v>466</v>
      </c>
      <c r="G320" s="2">
        <v>455</v>
      </c>
      <c r="H320" s="4">
        <v>637.70000000000005</v>
      </c>
      <c r="I320" s="2" t="s">
        <v>45</v>
      </c>
      <c r="J320" s="14">
        <v>44253</v>
      </c>
      <c r="K320" s="14">
        <v>45347</v>
      </c>
      <c r="L320" s="15"/>
    </row>
    <row r="321" spans="1:12" x14ac:dyDescent="0.3">
      <c r="A321" s="2">
        <v>318</v>
      </c>
      <c r="B321" s="3" t="s">
        <v>1101</v>
      </c>
      <c r="C321" s="13" t="s">
        <v>62</v>
      </c>
      <c r="D321" s="1" t="s">
        <v>51</v>
      </c>
      <c r="E321" s="1" t="s">
        <v>1097</v>
      </c>
      <c r="F321" s="1" t="s">
        <v>467</v>
      </c>
      <c r="G321" s="2">
        <v>445</v>
      </c>
      <c r="H321" s="4">
        <v>739.53</v>
      </c>
      <c r="I321" s="2" t="s">
        <v>45</v>
      </c>
      <c r="J321" s="14">
        <v>44253</v>
      </c>
      <c r="K321" s="14">
        <v>45347</v>
      </c>
      <c r="L321" s="15"/>
    </row>
    <row r="322" spans="1:12" x14ac:dyDescent="0.3">
      <c r="A322" s="2">
        <v>319</v>
      </c>
      <c r="B322" s="3" t="s">
        <v>1102</v>
      </c>
      <c r="C322" s="13" t="s">
        <v>62</v>
      </c>
      <c r="D322" s="1" t="s">
        <v>51</v>
      </c>
      <c r="E322" s="1" t="s">
        <v>632</v>
      </c>
      <c r="F322" s="1" t="s">
        <v>468</v>
      </c>
      <c r="G322" s="2">
        <v>450</v>
      </c>
      <c r="H322" s="4">
        <v>731.32</v>
      </c>
      <c r="I322" s="2" t="s">
        <v>45</v>
      </c>
      <c r="J322" s="14">
        <v>44253</v>
      </c>
      <c r="K322" s="14">
        <v>45347</v>
      </c>
      <c r="L322" s="15"/>
    </row>
    <row r="323" spans="1:12" x14ac:dyDescent="0.3">
      <c r="A323" s="2">
        <v>320</v>
      </c>
      <c r="B323" s="3" t="s">
        <v>1103</v>
      </c>
      <c r="C323" s="13" t="s">
        <v>62</v>
      </c>
      <c r="D323" s="1" t="s">
        <v>51</v>
      </c>
      <c r="E323" s="1" t="s">
        <v>1100</v>
      </c>
      <c r="F323" s="1" t="s">
        <v>469</v>
      </c>
      <c r="G323" s="2">
        <v>455</v>
      </c>
      <c r="H323" s="4">
        <v>723.28</v>
      </c>
      <c r="I323" s="2" t="s">
        <v>45</v>
      </c>
      <c r="J323" s="14">
        <v>44253</v>
      </c>
      <c r="K323" s="14">
        <v>45347</v>
      </c>
      <c r="L323" s="15"/>
    </row>
    <row r="324" spans="1:12" x14ac:dyDescent="0.3">
      <c r="A324" s="2">
        <v>321</v>
      </c>
      <c r="B324" s="3" t="s">
        <v>1104</v>
      </c>
      <c r="C324" s="13" t="s">
        <v>62</v>
      </c>
      <c r="D324" s="1" t="s">
        <v>51</v>
      </c>
      <c r="E324" s="1" t="s">
        <v>633</v>
      </c>
      <c r="F324" s="1" t="s">
        <v>470</v>
      </c>
      <c r="G324" s="2">
        <v>470</v>
      </c>
      <c r="H324" s="4">
        <v>642.02</v>
      </c>
      <c r="I324" s="2" t="s">
        <v>45</v>
      </c>
      <c r="J324" s="14">
        <v>44253</v>
      </c>
      <c r="K324" s="14">
        <v>45347</v>
      </c>
      <c r="L324" s="15"/>
    </row>
    <row r="325" spans="1:12" x14ac:dyDescent="0.3">
      <c r="A325" s="2">
        <v>322</v>
      </c>
      <c r="B325" s="3" t="s">
        <v>1105</v>
      </c>
      <c r="C325" s="13" t="s">
        <v>62</v>
      </c>
      <c r="D325" s="1" t="s">
        <v>51</v>
      </c>
      <c r="E325" s="1" t="s">
        <v>1106</v>
      </c>
      <c r="F325" s="1" t="s">
        <v>471</v>
      </c>
      <c r="G325" s="2">
        <v>475</v>
      </c>
      <c r="H325" s="4">
        <v>635.26</v>
      </c>
      <c r="I325" s="2" t="s">
        <v>45</v>
      </c>
      <c r="J325" s="14">
        <v>44253</v>
      </c>
      <c r="K325" s="14">
        <v>45347</v>
      </c>
      <c r="L325" s="15"/>
    </row>
    <row r="326" spans="1:12" x14ac:dyDescent="0.3">
      <c r="A326" s="2">
        <v>323</v>
      </c>
      <c r="B326" s="3" t="s">
        <v>1107</v>
      </c>
      <c r="C326" s="13" t="s">
        <v>62</v>
      </c>
      <c r="D326" s="1" t="s">
        <v>51</v>
      </c>
      <c r="E326" s="1" t="s">
        <v>1108</v>
      </c>
      <c r="F326" s="1" t="s">
        <v>472</v>
      </c>
      <c r="G326" s="2">
        <v>480</v>
      </c>
      <c r="H326" s="4">
        <v>628.65</v>
      </c>
      <c r="I326" s="2" t="s">
        <v>45</v>
      </c>
      <c r="J326" s="14">
        <v>44253</v>
      </c>
      <c r="K326" s="14">
        <v>45347</v>
      </c>
      <c r="L326" s="15"/>
    </row>
    <row r="327" spans="1:12" x14ac:dyDescent="0.3">
      <c r="A327" s="2">
        <v>324</v>
      </c>
      <c r="B327" s="3" t="s">
        <v>1109</v>
      </c>
      <c r="C327" s="13" t="s">
        <v>62</v>
      </c>
      <c r="D327" s="1" t="s">
        <v>51</v>
      </c>
      <c r="E327" s="1" t="s">
        <v>633</v>
      </c>
      <c r="F327" s="1" t="s">
        <v>473</v>
      </c>
      <c r="G327" s="2">
        <v>470</v>
      </c>
      <c r="H327" s="4">
        <v>729.04</v>
      </c>
      <c r="I327" s="2" t="s">
        <v>45</v>
      </c>
      <c r="J327" s="14">
        <v>44253</v>
      </c>
      <c r="K327" s="14">
        <v>45347</v>
      </c>
      <c r="L327" s="15"/>
    </row>
    <row r="328" spans="1:12" x14ac:dyDescent="0.3">
      <c r="A328" s="2">
        <v>325</v>
      </c>
      <c r="B328" s="3" t="s">
        <v>1110</v>
      </c>
      <c r="C328" s="13" t="s">
        <v>62</v>
      </c>
      <c r="D328" s="1" t="s">
        <v>51</v>
      </c>
      <c r="E328" s="1" t="s">
        <v>1106</v>
      </c>
      <c r="F328" s="1" t="s">
        <v>474</v>
      </c>
      <c r="G328" s="2">
        <v>475</v>
      </c>
      <c r="H328" s="4">
        <v>721.37</v>
      </c>
      <c r="I328" s="2" t="s">
        <v>45</v>
      </c>
      <c r="J328" s="14">
        <v>44253</v>
      </c>
      <c r="K328" s="14">
        <v>45347</v>
      </c>
      <c r="L328" s="15"/>
    </row>
    <row r="329" spans="1:12" x14ac:dyDescent="0.3">
      <c r="A329" s="2">
        <v>326</v>
      </c>
      <c r="B329" s="3" t="s">
        <v>1111</v>
      </c>
      <c r="C329" s="13" t="s">
        <v>62</v>
      </c>
      <c r="D329" s="1" t="s">
        <v>51</v>
      </c>
      <c r="E329" s="1" t="s">
        <v>1108</v>
      </c>
      <c r="F329" s="1" t="s">
        <v>475</v>
      </c>
      <c r="G329" s="2">
        <v>480</v>
      </c>
      <c r="H329" s="4">
        <v>713.85</v>
      </c>
      <c r="I329" s="2" t="s">
        <v>45</v>
      </c>
      <c r="J329" s="14">
        <v>44253</v>
      </c>
      <c r="K329" s="14">
        <v>45347</v>
      </c>
      <c r="L329" s="15"/>
    </row>
    <row r="330" spans="1:12" x14ac:dyDescent="0.3">
      <c r="A330" s="2">
        <v>327</v>
      </c>
      <c r="B330" s="3" t="s">
        <v>1112</v>
      </c>
      <c r="C330" s="13" t="s">
        <v>864</v>
      </c>
      <c r="D330" s="1" t="s">
        <v>132</v>
      </c>
      <c r="E330" s="1" t="s">
        <v>121</v>
      </c>
      <c r="F330" s="1" t="s">
        <v>125</v>
      </c>
      <c r="G330" s="2">
        <v>445</v>
      </c>
      <c r="H330" s="4">
        <v>641.6</v>
      </c>
      <c r="I330" s="2" t="s">
        <v>45</v>
      </c>
      <c r="J330" s="14">
        <v>44288</v>
      </c>
      <c r="K330" s="14">
        <v>45383</v>
      </c>
      <c r="L330" s="15"/>
    </row>
    <row r="331" spans="1:12" x14ac:dyDescent="0.3">
      <c r="A331" s="2">
        <v>328</v>
      </c>
      <c r="B331" s="3" t="s">
        <v>1113</v>
      </c>
      <c r="C331" s="13" t="s">
        <v>864</v>
      </c>
      <c r="D331" s="1" t="s">
        <v>132</v>
      </c>
      <c r="E331" s="1" t="s">
        <v>122</v>
      </c>
      <c r="F331" s="1" t="s">
        <v>476</v>
      </c>
      <c r="G331" s="2">
        <v>450</v>
      </c>
      <c r="H331" s="4">
        <v>634.47</v>
      </c>
      <c r="I331" s="2" t="s">
        <v>45</v>
      </c>
      <c r="J331" s="14">
        <v>44288</v>
      </c>
      <c r="K331" s="14">
        <v>45383</v>
      </c>
      <c r="L331" s="15"/>
    </row>
    <row r="332" spans="1:12" x14ac:dyDescent="0.3">
      <c r="A332" s="2">
        <v>329</v>
      </c>
      <c r="B332" s="3" t="s">
        <v>1114</v>
      </c>
      <c r="C332" s="13" t="s">
        <v>864</v>
      </c>
      <c r="D332" s="1" t="s">
        <v>132</v>
      </c>
      <c r="E332" s="1" t="s">
        <v>123</v>
      </c>
      <c r="F332" s="1" t="s">
        <v>477</v>
      </c>
      <c r="G332" s="2">
        <v>455</v>
      </c>
      <c r="H332" s="4">
        <v>627.49</v>
      </c>
      <c r="I332" s="2" t="s">
        <v>45</v>
      </c>
      <c r="J332" s="14">
        <v>44288</v>
      </c>
      <c r="K332" s="14">
        <v>45383</v>
      </c>
      <c r="L332" s="15"/>
    </row>
    <row r="333" spans="1:12" x14ac:dyDescent="0.3">
      <c r="A333" s="2">
        <v>330</v>
      </c>
      <c r="B333" s="3" t="s">
        <v>1115</v>
      </c>
      <c r="C333" s="13" t="s">
        <v>864</v>
      </c>
      <c r="D333" s="1" t="s">
        <v>132</v>
      </c>
      <c r="E333" s="1" t="s">
        <v>119</v>
      </c>
      <c r="F333" s="1" t="s">
        <v>478</v>
      </c>
      <c r="G333" s="2">
        <v>440</v>
      </c>
      <c r="H333" s="4">
        <v>720.84</v>
      </c>
      <c r="I333" s="2" t="s">
        <v>45</v>
      </c>
      <c r="J333" s="14">
        <v>44288</v>
      </c>
      <c r="K333" s="14">
        <v>45383</v>
      </c>
      <c r="L333" s="15"/>
    </row>
    <row r="334" spans="1:12" x14ac:dyDescent="0.3">
      <c r="A334" s="2">
        <v>331</v>
      </c>
      <c r="B334" s="3" t="s">
        <v>1116</v>
      </c>
      <c r="C334" s="13" t="s">
        <v>864</v>
      </c>
      <c r="D334" s="1" t="s">
        <v>132</v>
      </c>
      <c r="E334" s="1" t="s">
        <v>118</v>
      </c>
      <c r="F334" s="1" t="s">
        <v>479</v>
      </c>
      <c r="G334" s="2">
        <v>445</v>
      </c>
      <c r="H334" s="4">
        <v>712.74</v>
      </c>
      <c r="I334" s="2" t="s">
        <v>45</v>
      </c>
      <c r="J334" s="14">
        <v>44288</v>
      </c>
      <c r="K334" s="14">
        <v>45383</v>
      </c>
      <c r="L334" s="15"/>
    </row>
    <row r="335" spans="1:12" x14ac:dyDescent="0.3">
      <c r="A335" s="2">
        <v>332</v>
      </c>
      <c r="B335" s="3" t="s">
        <v>1117</v>
      </c>
      <c r="C335" s="13" t="s">
        <v>864</v>
      </c>
      <c r="D335" s="1" t="s">
        <v>132</v>
      </c>
      <c r="E335" s="1" t="s">
        <v>120</v>
      </c>
      <c r="F335" s="1" t="s">
        <v>480</v>
      </c>
      <c r="G335" s="2">
        <v>450</v>
      </c>
      <c r="H335" s="4">
        <v>704.82</v>
      </c>
      <c r="I335" s="2" t="s">
        <v>45</v>
      </c>
      <c r="J335" s="14">
        <v>44288</v>
      </c>
      <c r="K335" s="14">
        <v>45383</v>
      </c>
      <c r="L335" s="15"/>
    </row>
    <row r="336" spans="1:12" x14ac:dyDescent="0.3">
      <c r="A336" s="2">
        <v>333</v>
      </c>
      <c r="B336" s="3" t="s">
        <v>1118</v>
      </c>
      <c r="C336" s="13" t="s">
        <v>864</v>
      </c>
      <c r="D336" s="1" t="s">
        <v>132</v>
      </c>
      <c r="E336" s="1" t="s">
        <v>124</v>
      </c>
      <c r="F336" s="1" t="s">
        <v>126</v>
      </c>
      <c r="G336" s="2">
        <v>450</v>
      </c>
      <c r="H336" s="4">
        <v>747.7</v>
      </c>
      <c r="I336" s="2" t="s">
        <v>45</v>
      </c>
      <c r="J336" s="14">
        <v>44288</v>
      </c>
      <c r="K336" s="14">
        <v>45383</v>
      </c>
      <c r="L336" s="15"/>
    </row>
    <row r="337" spans="1:12" x14ac:dyDescent="0.3">
      <c r="A337" s="2">
        <v>334</v>
      </c>
      <c r="B337" s="3" t="s">
        <v>1119</v>
      </c>
      <c r="C337" s="13" t="s">
        <v>907</v>
      </c>
      <c r="D337" s="1" t="s">
        <v>133</v>
      </c>
      <c r="E337" s="1" t="s">
        <v>1120</v>
      </c>
      <c r="F337" s="1" t="s">
        <v>481</v>
      </c>
      <c r="G337" s="2">
        <v>430</v>
      </c>
      <c r="H337" s="4">
        <v>765.39</v>
      </c>
      <c r="I337" s="2" t="s">
        <v>45</v>
      </c>
      <c r="J337" s="14">
        <v>44288</v>
      </c>
      <c r="K337" s="14">
        <v>45383</v>
      </c>
      <c r="L337" s="15"/>
    </row>
    <row r="338" spans="1:12" x14ac:dyDescent="0.3">
      <c r="A338" s="2">
        <v>335</v>
      </c>
      <c r="B338" s="3" t="s">
        <v>1121</v>
      </c>
      <c r="C338" s="13" t="s">
        <v>907</v>
      </c>
      <c r="D338" s="1" t="s">
        <v>133</v>
      </c>
      <c r="E338" s="1" t="s">
        <v>1122</v>
      </c>
      <c r="F338" s="1" t="s">
        <v>482</v>
      </c>
      <c r="G338" s="2">
        <v>435</v>
      </c>
      <c r="H338" s="4">
        <v>756.59</v>
      </c>
      <c r="I338" s="2" t="s">
        <v>45</v>
      </c>
      <c r="J338" s="14">
        <v>44288</v>
      </c>
      <c r="K338" s="14">
        <v>45383</v>
      </c>
      <c r="L338" s="15"/>
    </row>
    <row r="339" spans="1:12" x14ac:dyDescent="0.3">
      <c r="A339" s="2">
        <v>336</v>
      </c>
      <c r="B339" s="3" t="s">
        <v>1123</v>
      </c>
      <c r="C339" s="13" t="s">
        <v>907</v>
      </c>
      <c r="D339" s="1" t="s">
        <v>133</v>
      </c>
      <c r="E339" s="1" t="s">
        <v>1124</v>
      </c>
      <c r="F339" s="1" t="s">
        <v>127</v>
      </c>
      <c r="G339" s="2">
        <v>440</v>
      </c>
      <c r="H339" s="4">
        <v>748</v>
      </c>
      <c r="I339" s="2" t="s">
        <v>45</v>
      </c>
      <c r="J339" s="14">
        <v>44288</v>
      </c>
      <c r="K339" s="14">
        <v>45383</v>
      </c>
      <c r="L339" s="15"/>
    </row>
    <row r="340" spans="1:12" x14ac:dyDescent="0.3">
      <c r="A340" s="2">
        <v>337</v>
      </c>
      <c r="B340" s="3" t="s">
        <v>1125</v>
      </c>
      <c r="C340" s="13" t="s">
        <v>907</v>
      </c>
      <c r="D340" s="1" t="s">
        <v>133</v>
      </c>
      <c r="E340" s="1" t="s">
        <v>1126</v>
      </c>
      <c r="F340" s="1" t="s">
        <v>483</v>
      </c>
      <c r="G340" s="2">
        <v>445</v>
      </c>
      <c r="H340" s="4">
        <v>739.59</v>
      </c>
      <c r="I340" s="2" t="s">
        <v>45</v>
      </c>
      <c r="J340" s="14">
        <v>44288</v>
      </c>
      <c r="K340" s="14">
        <v>45383</v>
      </c>
      <c r="L340" s="15"/>
    </row>
    <row r="341" spans="1:12" x14ac:dyDescent="0.3">
      <c r="A341" s="2">
        <v>338</v>
      </c>
      <c r="B341" s="3" t="s">
        <v>1127</v>
      </c>
      <c r="C341" s="13" t="s">
        <v>907</v>
      </c>
      <c r="D341" s="1" t="s">
        <v>133</v>
      </c>
      <c r="E341" s="1" t="s">
        <v>1128</v>
      </c>
      <c r="F341" s="1" t="s">
        <v>484</v>
      </c>
      <c r="G341" s="2">
        <v>450</v>
      </c>
      <c r="H341" s="4">
        <v>731.37</v>
      </c>
      <c r="I341" s="2" t="s">
        <v>45</v>
      </c>
      <c r="J341" s="14">
        <v>44288</v>
      </c>
      <c r="K341" s="14">
        <v>45383</v>
      </c>
      <c r="L341" s="15"/>
    </row>
    <row r="342" spans="1:12" x14ac:dyDescent="0.3">
      <c r="A342" s="2">
        <v>339</v>
      </c>
      <c r="B342" s="3" t="s">
        <v>1129</v>
      </c>
      <c r="C342" s="13" t="s">
        <v>849</v>
      </c>
      <c r="D342" s="1" t="s">
        <v>114</v>
      </c>
      <c r="E342" s="1" t="s">
        <v>130</v>
      </c>
      <c r="F342" s="1" t="s">
        <v>485</v>
      </c>
      <c r="G342" s="2">
        <v>330</v>
      </c>
      <c r="H342" s="4">
        <v>657.85</v>
      </c>
      <c r="I342" s="2" t="s">
        <v>45</v>
      </c>
      <c r="J342" s="14">
        <v>44288</v>
      </c>
      <c r="K342" s="14">
        <v>45383</v>
      </c>
      <c r="L342" s="15"/>
    </row>
    <row r="343" spans="1:12" x14ac:dyDescent="0.3">
      <c r="A343" s="2">
        <v>340</v>
      </c>
      <c r="B343" s="3" t="s">
        <v>1130</v>
      </c>
      <c r="C343" s="13" t="s">
        <v>1131</v>
      </c>
      <c r="D343" s="1" t="s">
        <v>131</v>
      </c>
      <c r="E343" s="1" t="s">
        <v>128</v>
      </c>
      <c r="F343" s="1" t="s">
        <v>486</v>
      </c>
      <c r="G343" s="2">
        <v>370</v>
      </c>
      <c r="H343" s="4">
        <v>838.06</v>
      </c>
      <c r="I343" s="2" t="s">
        <v>45</v>
      </c>
      <c r="J343" s="14">
        <v>44288</v>
      </c>
      <c r="K343" s="14">
        <v>45383</v>
      </c>
      <c r="L343" s="15"/>
    </row>
    <row r="344" spans="1:12" x14ac:dyDescent="0.3">
      <c r="A344" s="2">
        <v>341</v>
      </c>
      <c r="B344" s="3" t="s">
        <v>1132</v>
      </c>
      <c r="C344" s="13" t="s">
        <v>1131</v>
      </c>
      <c r="D344" s="1" t="s">
        <v>131</v>
      </c>
      <c r="E344" s="1" t="s">
        <v>1133</v>
      </c>
      <c r="F344" s="1" t="s">
        <v>487</v>
      </c>
      <c r="G344" s="2">
        <v>375</v>
      </c>
      <c r="H344" s="4">
        <v>826.88</v>
      </c>
      <c r="I344" s="2" t="s">
        <v>45</v>
      </c>
      <c r="J344" s="14">
        <v>44288</v>
      </c>
      <c r="K344" s="14">
        <v>45383</v>
      </c>
      <c r="L344" s="15"/>
    </row>
    <row r="345" spans="1:12" x14ac:dyDescent="0.3">
      <c r="A345" s="2">
        <v>342</v>
      </c>
      <c r="B345" s="3" t="s">
        <v>1134</v>
      </c>
      <c r="C345" s="13" t="s">
        <v>1131</v>
      </c>
      <c r="D345" s="1" t="s">
        <v>131</v>
      </c>
      <c r="E345" s="1" t="s">
        <v>1135</v>
      </c>
      <c r="F345" s="1" t="s">
        <v>488</v>
      </c>
      <c r="G345" s="2">
        <v>390</v>
      </c>
      <c r="H345" s="4">
        <v>811.33</v>
      </c>
      <c r="I345" s="2" t="s">
        <v>45</v>
      </c>
      <c r="J345" s="14">
        <v>44288</v>
      </c>
      <c r="K345" s="14">
        <v>45383</v>
      </c>
      <c r="L345" s="15"/>
    </row>
    <row r="346" spans="1:12" x14ac:dyDescent="0.3">
      <c r="A346" s="2">
        <v>343</v>
      </c>
      <c r="B346" s="3" t="s">
        <v>1136</v>
      </c>
      <c r="C346" s="13" t="s">
        <v>778</v>
      </c>
      <c r="D346" s="1" t="s">
        <v>53</v>
      </c>
      <c r="E346" s="1" t="s">
        <v>1137</v>
      </c>
      <c r="F346" s="1" t="s">
        <v>489</v>
      </c>
      <c r="G346" s="2">
        <v>400</v>
      </c>
      <c r="H346" s="4">
        <v>762.91</v>
      </c>
      <c r="I346" s="2" t="s">
        <v>45</v>
      </c>
      <c r="J346" s="14">
        <v>44288</v>
      </c>
      <c r="K346" s="14">
        <v>45383</v>
      </c>
      <c r="L346" s="15"/>
    </row>
    <row r="347" spans="1:12" x14ac:dyDescent="0.3">
      <c r="A347" s="2">
        <v>344</v>
      </c>
      <c r="B347" s="3" t="s">
        <v>1138</v>
      </c>
      <c r="C347" s="13" t="s">
        <v>778</v>
      </c>
      <c r="D347" s="1" t="s">
        <v>53</v>
      </c>
      <c r="E347" s="1" t="s">
        <v>1139</v>
      </c>
      <c r="F347" s="1" t="s">
        <v>490</v>
      </c>
      <c r="G347" s="2">
        <v>405</v>
      </c>
      <c r="H347" s="4">
        <v>753.49</v>
      </c>
      <c r="I347" s="2" t="s">
        <v>45</v>
      </c>
      <c r="J347" s="14">
        <v>44288</v>
      </c>
      <c r="K347" s="14">
        <v>45383</v>
      </c>
      <c r="L347" s="15"/>
    </row>
    <row r="348" spans="1:12" x14ac:dyDescent="0.3">
      <c r="A348" s="2">
        <v>345</v>
      </c>
      <c r="B348" s="3" t="s">
        <v>1140</v>
      </c>
      <c r="C348" s="13" t="s">
        <v>778</v>
      </c>
      <c r="D348" s="1" t="s">
        <v>53</v>
      </c>
      <c r="E348" s="1" t="s">
        <v>1141</v>
      </c>
      <c r="F348" s="1" t="s">
        <v>129</v>
      </c>
      <c r="G348" s="2">
        <v>410</v>
      </c>
      <c r="H348" s="4">
        <v>744.3</v>
      </c>
      <c r="I348" s="2" t="s">
        <v>45</v>
      </c>
      <c r="J348" s="14">
        <v>44288</v>
      </c>
      <c r="K348" s="14">
        <v>45383</v>
      </c>
      <c r="L348" s="15"/>
    </row>
    <row r="349" spans="1:12" x14ac:dyDescent="0.3">
      <c r="A349" s="2">
        <v>346</v>
      </c>
      <c r="B349" s="3" t="s">
        <v>1142</v>
      </c>
      <c r="C349" s="13" t="s">
        <v>778</v>
      </c>
      <c r="D349" s="1" t="s">
        <v>53</v>
      </c>
      <c r="E349" s="1" t="s">
        <v>1143</v>
      </c>
      <c r="F349" s="1" t="s">
        <v>491</v>
      </c>
      <c r="G349" s="2">
        <v>425</v>
      </c>
      <c r="H349" s="4">
        <v>792.89</v>
      </c>
      <c r="I349" s="2" t="s">
        <v>45</v>
      </c>
      <c r="J349" s="14">
        <v>44288</v>
      </c>
      <c r="K349" s="14">
        <v>45383</v>
      </c>
      <c r="L349" s="15"/>
    </row>
    <row r="350" spans="1:12" x14ac:dyDescent="0.3">
      <c r="A350" s="2">
        <v>347</v>
      </c>
      <c r="B350" s="3" t="s">
        <v>1144</v>
      </c>
      <c r="C350" s="13" t="s">
        <v>778</v>
      </c>
      <c r="D350" s="1" t="s">
        <v>53</v>
      </c>
      <c r="E350" s="1" t="s">
        <v>1145</v>
      </c>
      <c r="F350" s="1" t="s">
        <v>492</v>
      </c>
      <c r="G350" s="2">
        <v>430</v>
      </c>
      <c r="H350" s="4">
        <v>783.67</v>
      </c>
      <c r="I350" s="2" t="s">
        <v>45</v>
      </c>
      <c r="J350" s="14">
        <v>44288</v>
      </c>
      <c r="K350" s="14">
        <v>45383</v>
      </c>
      <c r="L350" s="15"/>
    </row>
    <row r="351" spans="1:12" x14ac:dyDescent="0.3">
      <c r="A351" s="2">
        <v>348</v>
      </c>
      <c r="B351" s="3" t="s">
        <v>1146</v>
      </c>
      <c r="C351" s="13" t="s">
        <v>778</v>
      </c>
      <c r="D351" s="1" t="s">
        <v>53</v>
      </c>
      <c r="E351" s="1" t="s">
        <v>1147</v>
      </c>
      <c r="F351" s="1" t="s">
        <v>493</v>
      </c>
      <c r="G351" s="2">
        <v>435</v>
      </c>
      <c r="H351" s="4">
        <v>774.66</v>
      </c>
      <c r="I351" s="2" t="s">
        <v>45</v>
      </c>
      <c r="J351" s="14">
        <v>44288</v>
      </c>
      <c r="K351" s="14">
        <v>45383</v>
      </c>
      <c r="L351" s="15"/>
    </row>
    <row r="352" spans="1:12" x14ac:dyDescent="0.3">
      <c r="A352" s="2">
        <v>349</v>
      </c>
      <c r="B352" s="3" t="s">
        <v>1148</v>
      </c>
      <c r="C352" s="13" t="s">
        <v>778</v>
      </c>
      <c r="D352" s="1" t="s">
        <v>53</v>
      </c>
      <c r="E352" s="1" t="s">
        <v>1149</v>
      </c>
      <c r="F352" s="1" t="s">
        <v>494</v>
      </c>
      <c r="G352" s="2">
        <v>475</v>
      </c>
      <c r="H352" s="4">
        <v>749.05</v>
      </c>
      <c r="I352" s="2" t="s">
        <v>45</v>
      </c>
      <c r="J352" s="14">
        <v>44288</v>
      </c>
      <c r="K352" s="14">
        <v>45383</v>
      </c>
      <c r="L352" s="15"/>
    </row>
    <row r="353" spans="1:12" x14ac:dyDescent="0.3">
      <c r="A353" s="2">
        <v>350</v>
      </c>
      <c r="B353" s="3" t="s">
        <v>1150</v>
      </c>
      <c r="C353" s="13" t="s">
        <v>778</v>
      </c>
      <c r="D353" s="1" t="s">
        <v>53</v>
      </c>
      <c r="E353" s="1" t="s">
        <v>1151</v>
      </c>
      <c r="F353" s="1" t="s">
        <v>495</v>
      </c>
      <c r="G353" s="2">
        <v>480</v>
      </c>
      <c r="H353" s="4">
        <v>741.25</v>
      </c>
      <c r="I353" s="2" t="s">
        <v>45</v>
      </c>
      <c r="J353" s="14">
        <v>44288</v>
      </c>
      <c r="K353" s="14">
        <v>45383</v>
      </c>
      <c r="L353" s="15"/>
    </row>
    <row r="354" spans="1:12" x14ac:dyDescent="0.3">
      <c r="A354" s="2">
        <v>351</v>
      </c>
      <c r="B354" s="3" t="s">
        <v>1152</v>
      </c>
      <c r="C354" s="13" t="s">
        <v>778</v>
      </c>
      <c r="D354" s="1" t="s">
        <v>53</v>
      </c>
      <c r="E354" s="1" t="s">
        <v>1153</v>
      </c>
      <c r="F354" s="1" t="s">
        <v>496</v>
      </c>
      <c r="G354" s="2">
        <v>485</v>
      </c>
      <c r="H354" s="4">
        <v>733.61</v>
      </c>
      <c r="I354" s="2" t="s">
        <v>45</v>
      </c>
      <c r="J354" s="14">
        <v>44288</v>
      </c>
      <c r="K354" s="14">
        <v>45383</v>
      </c>
      <c r="L354" s="15"/>
    </row>
    <row r="355" spans="1:12" x14ac:dyDescent="0.3">
      <c r="A355" s="2">
        <v>352</v>
      </c>
      <c r="B355" s="3" t="s">
        <v>1154</v>
      </c>
      <c r="C355" s="13" t="s">
        <v>778</v>
      </c>
      <c r="D355" s="1" t="s">
        <v>53</v>
      </c>
      <c r="E355" s="1" t="s">
        <v>1155</v>
      </c>
      <c r="F355" s="1" t="s">
        <v>497</v>
      </c>
      <c r="G355" s="2">
        <v>465</v>
      </c>
      <c r="H355" s="4">
        <v>762.08</v>
      </c>
      <c r="I355" s="2" t="s">
        <v>45</v>
      </c>
      <c r="J355" s="14">
        <v>44288</v>
      </c>
      <c r="K355" s="14">
        <v>45383</v>
      </c>
      <c r="L355" s="15"/>
    </row>
    <row r="356" spans="1:12" x14ac:dyDescent="0.3">
      <c r="A356" s="2">
        <v>353</v>
      </c>
      <c r="B356" s="3" t="s">
        <v>1156</v>
      </c>
      <c r="C356" s="13" t="s">
        <v>778</v>
      </c>
      <c r="D356" s="1" t="s">
        <v>53</v>
      </c>
      <c r="E356" s="1" t="s">
        <v>1157</v>
      </c>
      <c r="F356" s="1" t="s">
        <v>498</v>
      </c>
      <c r="G356" s="2">
        <v>470</v>
      </c>
      <c r="H356" s="4">
        <v>753.97</v>
      </c>
      <c r="I356" s="2" t="s">
        <v>45</v>
      </c>
      <c r="J356" s="14">
        <v>44288</v>
      </c>
      <c r="K356" s="14">
        <v>45383</v>
      </c>
      <c r="L356" s="15"/>
    </row>
    <row r="357" spans="1:12" x14ac:dyDescent="0.3">
      <c r="A357" s="2">
        <v>354</v>
      </c>
      <c r="B357" s="3" t="s">
        <v>1158</v>
      </c>
      <c r="C357" s="13" t="s">
        <v>778</v>
      </c>
      <c r="D357" s="1" t="s">
        <v>53</v>
      </c>
      <c r="E357" s="1" t="s">
        <v>1159</v>
      </c>
      <c r="F357" s="1" t="s">
        <v>499</v>
      </c>
      <c r="G357" s="2">
        <v>475</v>
      </c>
      <c r="H357" s="4">
        <v>746.04</v>
      </c>
      <c r="I357" s="2" t="s">
        <v>45</v>
      </c>
      <c r="J357" s="14">
        <v>44288</v>
      </c>
      <c r="K357" s="14">
        <v>45383</v>
      </c>
      <c r="L357" s="15"/>
    </row>
    <row r="358" spans="1:12" x14ac:dyDescent="0.3">
      <c r="A358" s="2">
        <v>355</v>
      </c>
      <c r="B358" s="3" t="s">
        <v>1160</v>
      </c>
      <c r="C358" s="13" t="s">
        <v>778</v>
      </c>
      <c r="D358" s="1" t="s">
        <v>53</v>
      </c>
      <c r="E358" s="1" t="s">
        <v>1161</v>
      </c>
      <c r="F358" s="1" t="s">
        <v>500</v>
      </c>
      <c r="G358" s="2">
        <v>365</v>
      </c>
      <c r="H358" s="4">
        <v>759.91</v>
      </c>
      <c r="I358" s="2" t="s">
        <v>45</v>
      </c>
      <c r="J358" s="14">
        <v>44288</v>
      </c>
      <c r="K358" s="14">
        <v>45383</v>
      </c>
      <c r="L358" s="15"/>
    </row>
    <row r="359" spans="1:12" x14ac:dyDescent="0.3">
      <c r="A359" s="2">
        <v>356</v>
      </c>
      <c r="B359" s="3" t="s">
        <v>1162</v>
      </c>
      <c r="C359" s="13" t="s">
        <v>778</v>
      </c>
      <c r="D359" s="1" t="s">
        <v>53</v>
      </c>
      <c r="E359" s="1" t="s">
        <v>1163</v>
      </c>
      <c r="F359" s="1" t="s">
        <v>501</v>
      </c>
      <c r="G359" s="2">
        <v>370</v>
      </c>
      <c r="H359" s="4">
        <v>749.64</v>
      </c>
      <c r="I359" s="2" t="s">
        <v>45</v>
      </c>
      <c r="J359" s="14">
        <v>44288</v>
      </c>
      <c r="K359" s="14">
        <v>45383</v>
      </c>
      <c r="L359" s="15"/>
    </row>
    <row r="360" spans="1:12" x14ac:dyDescent="0.3">
      <c r="A360" s="2">
        <v>357</v>
      </c>
      <c r="B360" s="3" t="s">
        <v>1164</v>
      </c>
      <c r="C360" s="13" t="s">
        <v>778</v>
      </c>
      <c r="D360" s="1" t="s">
        <v>53</v>
      </c>
      <c r="E360" s="1" t="s">
        <v>1165</v>
      </c>
      <c r="F360" s="1" t="s">
        <v>502</v>
      </c>
      <c r="G360" s="2">
        <v>375</v>
      </c>
      <c r="H360" s="4">
        <v>739.65</v>
      </c>
      <c r="I360" s="2" t="s">
        <v>45</v>
      </c>
      <c r="J360" s="14">
        <v>44288</v>
      </c>
      <c r="K360" s="14">
        <v>45383</v>
      </c>
      <c r="L360" s="15"/>
    </row>
    <row r="361" spans="1:12" x14ac:dyDescent="0.3">
      <c r="A361" s="2">
        <v>358</v>
      </c>
      <c r="B361" s="3" t="s">
        <v>1166</v>
      </c>
      <c r="C361" s="13" t="s">
        <v>864</v>
      </c>
      <c r="D361" s="1" t="s">
        <v>132</v>
      </c>
      <c r="E361" s="1" t="s">
        <v>135</v>
      </c>
      <c r="F361" s="1" t="s">
        <v>503</v>
      </c>
      <c r="G361" s="2">
        <v>435</v>
      </c>
      <c r="H361" s="4">
        <v>727.59</v>
      </c>
      <c r="I361" s="2" t="s">
        <v>45</v>
      </c>
      <c r="J361" s="14">
        <v>44341</v>
      </c>
      <c r="K361" s="14">
        <v>45436</v>
      </c>
      <c r="L361" s="15"/>
    </row>
    <row r="362" spans="1:12" x14ac:dyDescent="0.3">
      <c r="A362" s="2">
        <v>359</v>
      </c>
      <c r="B362" s="3" t="s">
        <v>1167</v>
      </c>
      <c r="C362" s="13" t="s">
        <v>864</v>
      </c>
      <c r="D362" s="1" t="s">
        <v>132</v>
      </c>
      <c r="E362" s="1" t="s">
        <v>136</v>
      </c>
      <c r="F362" s="1" t="s">
        <v>504</v>
      </c>
      <c r="G362" s="2">
        <v>430</v>
      </c>
      <c r="H362" s="4">
        <v>736.05</v>
      </c>
      <c r="I362" s="2" t="s">
        <v>45</v>
      </c>
      <c r="J362" s="14">
        <v>44341</v>
      </c>
      <c r="K362" s="14">
        <v>45436</v>
      </c>
      <c r="L362" s="15"/>
    </row>
    <row r="363" spans="1:12" x14ac:dyDescent="0.3">
      <c r="A363" s="2">
        <v>360</v>
      </c>
      <c r="B363" s="3" t="s">
        <v>1168</v>
      </c>
      <c r="C363" s="13" t="s">
        <v>778</v>
      </c>
      <c r="D363" s="1" t="s">
        <v>53</v>
      </c>
      <c r="E363" s="1" t="s">
        <v>1014</v>
      </c>
      <c r="F363" s="1" t="s">
        <v>505</v>
      </c>
      <c r="G363" s="2">
        <v>470</v>
      </c>
      <c r="H363" s="4">
        <v>664.72</v>
      </c>
      <c r="I363" s="2" t="s">
        <v>45</v>
      </c>
      <c r="J363" s="14">
        <v>44341</v>
      </c>
      <c r="K363" s="14">
        <v>45436</v>
      </c>
      <c r="L363" s="15"/>
    </row>
    <row r="364" spans="1:12" x14ac:dyDescent="0.3">
      <c r="A364" s="2">
        <v>361</v>
      </c>
      <c r="B364" s="3" t="s">
        <v>1169</v>
      </c>
      <c r="C364" s="13" t="s">
        <v>778</v>
      </c>
      <c r="D364" s="1" t="s">
        <v>53</v>
      </c>
      <c r="E364" s="1" t="s">
        <v>1016</v>
      </c>
      <c r="F364" s="1" t="s">
        <v>506</v>
      </c>
      <c r="G364" s="2">
        <v>475</v>
      </c>
      <c r="H364" s="4">
        <v>657.72</v>
      </c>
      <c r="I364" s="2" t="s">
        <v>45</v>
      </c>
      <c r="J364" s="14">
        <v>44341</v>
      </c>
      <c r="K364" s="14">
        <v>45436</v>
      </c>
      <c r="L364" s="15"/>
    </row>
    <row r="365" spans="1:12" x14ac:dyDescent="0.3">
      <c r="A365" s="2">
        <v>362</v>
      </c>
      <c r="B365" s="3" t="s">
        <v>1170</v>
      </c>
      <c r="C365" s="13" t="s">
        <v>778</v>
      </c>
      <c r="D365" s="1" t="s">
        <v>53</v>
      </c>
      <c r="E365" s="1" t="s">
        <v>1018</v>
      </c>
      <c r="F365" s="1" t="s">
        <v>507</v>
      </c>
      <c r="G365" s="2">
        <v>480</v>
      </c>
      <c r="H365" s="4">
        <v>650.87</v>
      </c>
      <c r="I365" s="2" t="s">
        <v>45</v>
      </c>
      <c r="J365" s="14">
        <v>44341</v>
      </c>
      <c r="K365" s="14">
        <v>45436</v>
      </c>
      <c r="L365" s="15"/>
    </row>
    <row r="366" spans="1:12" x14ac:dyDescent="0.3">
      <c r="A366" s="2">
        <v>363</v>
      </c>
      <c r="B366" s="3" t="s">
        <v>1171</v>
      </c>
      <c r="C366" s="13" t="s">
        <v>778</v>
      </c>
      <c r="D366" s="1" t="s">
        <v>53</v>
      </c>
      <c r="E366" s="1" t="s">
        <v>1020</v>
      </c>
      <c r="F366" s="1" t="s">
        <v>508</v>
      </c>
      <c r="G366" s="2">
        <v>485</v>
      </c>
      <c r="H366" s="4">
        <v>644.16</v>
      </c>
      <c r="I366" s="2" t="s">
        <v>45</v>
      </c>
      <c r="J366" s="14">
        <v>44341</v>
      </c>
      <c r="K366" s="14">
        <v>45436</v>
      </c>
      <c r="L366" s="15"/>
    </row>
    <row r="367" spans="1:12" x14ac:dyDescent="0.3">
      <c r="A367" s="2">
        <v>364</v>
      </c>
      <c r="B367" s="3" t="s">
        <v>1172</v>
      </c>
      <c r="C367" s="13" t="s">
        <v>778</v>
      </c>
      <c r="D367" s="1" t="s">
        <v>53</v>
      </c>
      <c r="E367" s="1" t="s">
        <v>1149</v>
      </c>
      <c r="F367" s="1" t="s">
        <v>509</v>
      </c>
      <c r="G367" s="2">
        <v>475</v>
      </c>
      <c r="H367" s="4">
        <v>664.58</v>
      </c>
      <c r="I367" s="2" t="s">
        <v>45</v>
      </c>
      <c r="J367" s="14">
        <v>44341</v>
      </c>
      <c r="K367" s="14">
        <v>45436</v>
      </c>
      <c r="L367" s="15"/>
    </row>
    <row r="368" spans="1:12" x14ac:dyDescent="0.3">
      <c r="A368" s="2">
        <v>365</v>
      </c>
      <c r="B368" s="3" t="s">
        <v>1173</v>
      </c>
      <c r="C368" s="13" t="s">
        <v>778</v>
      </c>
      <c r="D368" s="1" t="s">
        <v>53</v>
      </c>
      <c r="E368" s="1" t="s">
        <v>1151</v>
      </c>
      <c r="F368" s="1" t="s">
        <v>510</v>
      </c>
      <c r="G368" s="2">
        <v>480</v>
      </c>
      <c r="H368" s="4">
        <v>657.66</v>
      </c>
      <c r="I368" s="2" t="s">
        <v>45</v>
      </c>
      <c r="J368" s="14">
        <v>44341</v>
      </c>
      <c r="K368" s="14">
        <v>45436</v>
      </c>
      <c r="L368" s="15"/>
    </row>
    <row r="369" spans="1:12" x14ac:dyDescent="0.3">
      <c r="A369" s="2">
        <v>366</v>
      </c>
      <c r="B369" s="3" t="s">
        <v>1174</v>
      </c>
      <c r="C369" s="13" t="s">
        <v>778</v>
      </c>
      <c r="D369" s="1" t="s">
        <v>53</v>
      </c>
      <c r="E369" s="1" t="s">
        <v>1153</v>
      </c>
      <c r="F369" s="1" t="s">
        <v>511</v>
      </c>
      <c r="G369" s="2">
        <v>485</v>
      </c>
      <c r="H369" s="4">
        <v>650.88</v>
      </c>
      <c r="I369" s="2" t="s">
        <v>45</v>
      </c>
      <c r="J369" s="14">
        <v>44341</v>
      </c>
      <c r="K369" s="14">
        <v>45436</v>
      </c>
      <c r="L369" s="15"/>
    </row>
    <row r="370" spans="1:12" x14ac:dyDescent="0.3">
      <c r="A370" s="2">
        <v>367</v>
      </c>
      <c r="B370" s="3" t="s">
        <v>1175</v>
      </c>
      <c r="C370" s="13" t="s">
        <v>778</v>
      </c>
      <c r="D370" s="1" t="s">
        <v>53</v>
      </c>
      <c r="E370" s="1" t="s">
        <v>1176</v>
      </c>
      <c r="F370" s="1" t="s">
        <v>512</v>
      </c>
      <c r="G370" s="2">
        <v>440</v>
      </c>
      <c r="H370" s="4">
        <v>765.86</v>
      </c>
      <c r="I370" s="2" t="s">
        <v>45</v>
      </c>
      <c r="J370" s="14">
        <v>44341</v>
      </c>
      <c r="K370" s="14">
        <v>45436</v>
      </c>
      <c r="L370" s="15"/>
    </row>
    <row r="371" spans="1:12" x14ac:dyDescent="0.3">
      <c r="A371" s="2">
        <v>368</v>
      </c>
      <c r="B371" s="3" t="s">
        <v>1177</v>
      </c>
      <c r="C371" s="13" t="s">
        <v>778</v>
      </c>
      <c r="D371" s="1" t="s">
        <v>53</v>
      </c>
      <c r="E371" s="1" t="s">
        <v>1178</v>
      </c>
      <c r="F371" s="1" t="s">
        <v>513</v>
      </c>
      <c r="G371" s="2">
        <v>445</v>
      </c>
      <c r="H371" s="4">
        <v>752.31</v>
      </c>
      <c r="I371" s="2" t="s">
        <v>45</v>
      </c>
      <c r="J371" s="14">
        <v>44341</v>
      </c>
      <c r="K371" s="14">
        <v>45436</v>
      </c>
      <c r="L371" s="15"/>
    </row>
    <row r="372" spans="1:12" x14ac:dyDescent="0.3">
      <c r="A372" s="2">
        <v>369</v>
      </c>
      <c r="B372" s="3" t="s">
        <v>1179</v>
      </c>
      <c r="C372" s="13" t="s">
        <v>880</v>
      </c>
      <c r="D372" s="1" t="s">
        <v>56</v>
      </c>
      <c r="E372" s="1" t="s">
        <v>73</v>
      </c>
      <c r="F372" s="1" t="s">
        <v>514</v>
      </c>
      <c r="G372" s="2">
        <v>425</v>
      </c>
      <c r="H372" s="4">
        <v>803.72</v>
      </c>
      <c r="I372" s="2" t="s">
        <v>45</v>
      </c>
      <c r="J372" s="14">
        <v>44341</v>
      </c>
      <c r="K372" s="14">
        <v>45436</v>
      </c>
      <c r="L372" s="15"/>
    </row>
    <row r="373" spans="1:12" x14ac:dyDescent="0.3">
      <c r="A373" s="2">
        <v>370</v>
      </c>
      <c r="B373" s="3" t="s">
        <v>1180</v>
      </c>
      <c r="C373" s="13" t="s">
        <v>880</v>
      </c>
      <c r="D373" s="1" t="s">
        <v>56</v>
      </c>
      <c r="E373" s="1" t="s">
        <v>74</v>
      </c>
      <c r="F373" s="1" t="s">
        <v>515</v>
      </c>
      <c r="G373" s="2">
        <v>430</v>
      </c>
      <c r="H373" s="4">
        <v>794.38</v>
      </c>
      <c r="I373" s="2" t="s">
        <v>45</v>
      </c>
      <c r="J373" s="14">
        <v>44341</v>
      </c>
      <c r="K373" s="14">
        <v>45436</v>
      </c>
      <c r="L373" s="15"/>
    </row>
    <row r="374" spans="1:12" x14ac:dyDescent="0.3">
      <c r="A374" s="2">
        <v>371</v>
      </c>
      <c r="B374" s="3" t="s">
        <v>1181</v>
      </c>
      <c r="C374" s="13" t="s">
        <v>880</v>
      </c>
      <c r="D374" s="1" t="s">
        <v>56</v>
      </c>
      <c r="E374" s="1" t="s">
        <v>75</v>
      </c>
      <c r="F374" s="1" t="s">
        <v>516</v>
      </c>
      <c r="G374" s="2">
        <v>435</v>
      </c>
      <c r="H374" s="4">
        <v>785.25</v>
      </c>
      <c r="I374" s="2" t="s">
        <v>45</v>
      </c>
      <c r="J374" s="14">
        <v>44341</v>
      </c>
      <c r="K374" s="14">
        <v>45436</v>
      </c>
      <c r="L374" s="15"/>
    </row>
    <row r="375" spans="1:12" x14ac:dyDescent="0.3">
      <c r="A375" s="2">
        <v>372</v>
      </c>
      <c r="B375" s="3" t="s">
        <v>1182</v>
      </c>
      <c r="C375" s="13" t="s">
        <v>880</v>
      </c>
      <c r="D375" s="1" t="s">
        <v>56</v>
      </c>
      <c r="E375" s="1" t="s">
        <v>76</v>
      </c>
      <c r="F375" s="1" t="s">
        <v>517</v>
      </c>
      <c r="G375" s="2">
        <v>440</v>
      </c>
      <c r="H375" s="4">
        <v>776.32</v>
      </c>
      <c r="I375" s="2" t="s">
        <v>45</v>
      </c>
      <c r="J375" s="14">
        <v>44341</v>
      </c>
      <c r="K375" s="14">
        <v>45436</v>
      </c>
      <c r="L375" s="15"/>
    </row>
    <row r="376" spans="1:12" x14ac:dyDescent="0.3">
      <c r="A376" s="2">
        <v>373</v>
      </c>
      <c r="B376" s="3" t="s">
        <v>1183</v>
      </c>
      <c r="C376" s="13" t="s">
        <v>880</v>
      </c>
      <c r="D376" s="1" t="s">
        <v>56</v>
      </c>
      <c r="E376" s="1" t="s">
        <v>893</v>
      </c>
      <c r="F376" s="1" t="s">
        <v>518</v>
      </c>
      <c r="G376" s="2">
        <v>445</v>
      </c>
      <c r="H376" s="4">
        <v>767.6</v>
      </c>
      <c r="I376" s="2" t="s">
        <v>45</v>
      </c>
      <c r="J376" s="14">
        <v>44341</v>
      </c>
      <c r="K376" s="14">
        <v>45436</v>
      </c>
      <c r="L376" s="15"/>
    </row>
    <row r="377" spans="1:12" x14ac:dyDescent="0.3">
      <c r="A377" s="2">
        <v>374</v>
      </c>
      <c r="B377" s="3" t="s">
        <v>1184</v>
      </c>
      <c r="C377" s="13" t="s">
        <v>880</v>
      </c>
      <c r="D377" s="1" t="s">
        <v>56</v>
      </c>
      <c r="E377" s="1" t="s">
        <v>891</v>
      </c>
      <c r="F377" s="1" t="s">
        <v>519</v>
      </c>
      <c r="G377" s="2">
        <v>450</v>
      </c>
      <c r="H377" s="4">
        <v>759.07</v>
      </c>
      <c r="I377" s="2" t="s">
        <v>45</v>
      </c>
      <c r="J377" s="14">
        <v>44341</v>
      </c>
      <c r="K377" s="14">
        <v>45436</v>
      </c>
      <c r="L377" s="15"/>
    </row>
    <row r="378" spans="1:12" x14ac:dyDescent="0.3">
      <c r="A378" s="2">
        <v>375</v>
      </c>
      <c r="B378" s="3" t="s">
        <v>1185</v>
      </c>
      <c r="C378" s="13" t="s">
        <v>880</v>
      </c>
      <c r="D378" s="1" t="s">
        <v>56</v>
      </c>
      <c r="E378" s="1" t="s">
        <v>98</v>
      </c>
      <c r="F378" s="1" t="s">
        <v>520</v>
      </c>
      <c r="G378" s="2">
        <v>425</v>
      </c>
      <c r="H378" s="4">
        <v>787.12</v>
      </c>
      <c r="I378" s="2" t="s">
        <v>45</v>
      </c>
      <c r="J378" s="14">
        <v>44341</v>
      </c>
      <c r="K378" s="14">
        <v>45436</v>
      </c>
      <c r="L378" s="15"/>
    </row>
    <row r="379" spans="1:12" x14ac:dyDescent="0.3">
      <c r="A379" s="2">
        <v>376</v>
      </c>
      <c r="B379" s="3" t="s">
        <v>1186</v>
      </c>
      <c r="C379" s="13" t="s">
        <v>880</v>
      </c>
      <c r="D379" s="1" t="s">
        <v>56</v>
      </c>
      <c r="E379" s="1" t="s">
        <v>99</v>
      </c>
      <c r="F379" s="1" t="s">
        <v>521</v>
      </c>
      <c r="G379" s="2">
        <v>430</v>
      </c>
      <c r="H379" s="4">
        <v>777.97</v>
      </c>
      <c r="I379" s="2" t="s">
        <v>45</v>
      </c>
      <c r="J379" s="14">
        <v>44341</v>
      </c>
      <c r="K379" s="14">
        <v>45436</v>
      </c>
      <c r="L379" s="15"/>
    </row>
    <row r="380" spans="1:12" x14ac:dyDescent="0.3">
      <c r="A380" s="2">
        <v>377</v>
      </c>
      <c r="B380" s="3" t="s">
        <v>1187</v>
      </c>
      <c r="C380" s="13" t="s">
        <v>880</v>
      </c>
      <c r="D380" s="1" t="s">
        <v>56</v>
      </c>
      <c r="E380" s="1" t="s">
        <v>100</v>
      </c>
      <c r="F380" s="1" t="s">
        <v>522</v>
      </c>
      <c r="G380" s="2">
        <v>435</v>
      </c>
      <c r="H380" s="4">
        <v>769.03</v>
      </c>
      <c r="I380" s="2" t="s">
        <v>45</v>
      </c>
      <c r="J380" s="14">
        <v>44341</v>
      </c>
      <c r="K380" s="14">
        <v>45436</v>
      </c>
      <c r="L380" s="15"/>
    </row>
    <row r="381" spans="1:12" x14ac:dyDescent="0.3">
      <c r="A381" s="2">
        <v>378</v>
      </c>
      <c r="B381" s="3" t="s">
        <v>1188</v>
      </c>
      <c r="C381" s="13" t="s">
        <v>880</v>
      </c>
      <c r="D381" s="1" t="s">
        <v>56</v>
      </c>
      <c r="E381" s="1" t="s">
        <v>101</v>
      </c>
      <c r="F381" s="1" t="s">
        <v>523</v>
      </c>
      <c r="G381" s="2">
        <v>440</v>
      </c>
      <c r="H381" s="4">
        <v>760.29</v>
      </c>
      <c r="I381" s="2" t="s">
        <v>45</v>
      </c>
      <c r="J381" s="14">
        <v>44341</v>
      </c>
      <c r="K381" s="14">
        <v>45436</v>
      </c>
      <c r="L381" s="15"/>
    </row>
    <row r="382" spans="1:12" x14ac:dyDescent="0.3">
      <c r="A382" s="2">
        <v>379</v>
      </c>
      <c r="B382" s="3" t="s">
        <v>1189</v>
      </c>
      <c r="C382" s="13" t="s">
        <v>880</v>
      </c>
      <c r="D382" s="1" t="s">
        <v>56</v>
      </c>
      <c r="E382" s="1" t="s">
        <v>102</v>
      </c>
      <c r="F382" s="1" t="s">
        <v>524</v>
      </c>
      <c r="G382" s="2">
        <v>445</v>
      </c>
      <c r="H382" s="4">
        <v>751.74</v>
      </c>
      <c r="I382" s="2" t="s">
        <v>45</v>
      </c>
      <c r="J382" s="14">
        <v>44341</v>
      </c>
      <c r="K382" s="14">
        <v>45436</v>
      </c>
      <c r="L382" s="15"/>
    </row>
    <row r="383" spans="1:12" x14ac:dyDescent="0.3">
      <c r="A383" s="2">
        <v>380</v>
      </c>
      <c r="B383" s="3" t="s">
        <v>1190</v>
      </c>
      <c r="C383" s="13" t="s">
        <v>880</v>
      </c>
      <c r="D383" s="1" t="s">
        <v>56</v>
      </c>
      <c r="E383" s="1" t="s">
        <v>103</v>
      </c>
      <c r="F383" s="1" t="s">
        <v>525</v>
      </c>
      <c r="G383" s="2">
        <v>450</v>
      </c>
      <c r="H383" s="4">
        <v>743.39</v>
      </c>
      <c r="I383" s="2" t="s">
        <v>45</v>
      </c>
      <c r="J383" s="14">
        <v>44341</v>
      </c>
      <c r="K383" s="14">
        <v>45436</v>
      </c>
      <c r="L383" s="15"/>
    </row>
    <row r="384" spans="1:12" x14ac:dyDescent="0.3">
      <c r="A384" s="2">
        <v>381</v>
      </c>
      <c r="B384" s="3" t="s">
        <v>1191</v>
      </c>
      <c r="C384" s="13" t="s">
        <v>880</v>
      </c>
      <c r="D384" s="1" t="s">
        <v>56</v>
      </c>
      <c r="E384" s="1" t="s">
        <v>1192</v>
      </c>
      <c r="F384" s="1" t="s">
        <v>526</v>
      </c>
      <c r="G384" s="2">
        <v>450</v>
      </c>
      <c r="H384" s="4">
        <v>779.64</v>
      </c>
      <c r="I384" s="2" t="s">
        <v>45</v>
      </c>
      <c r="J384" s="14">
        <v>44341</v>
      </c>
      <c r="K384" s="14">
        <v>45436</v>
      </c>
      <c r="L384" s="15"/>
    </row>
    <row r="385" spans="1:12" x14ac:dyDescent="0.3">
      <c r="A385" s="2">
        <v>382</v>
      </c>
      <c r="B385" s="3" t="s">
        <v>1193</v>
      </c>
      <c r="C385" s="13" t="s">
        <v>880</v>
      </c>
      <c r="D385" s="1" t="s">
        <v>56</v>
      </c>
      <c r="E385" s="1" t="s">
        <v>1194</v>
      </c>
      <c r="F385" s="1" t="s">
        <v>527</v>
      </c>
      <c r="G385" s="2">
        <v>445</v>
      </c>
      <c r="H385" s="4">
        <v>788.4</v>
      </c>
      <c r="I385" s="2" t="s">
        <v>45</v>
      </c>
      <c r="J385" s="14">
        <v>44341</v>
      </c>
      <c r="K385" s="14">
        <v>45436</v>
      </c>
      <c r="L385" s="15"/>
    </row>
    <row r="386" spans="1:12" x14ac:dyDescent="0.3">
      <c r="A386" s="2">
        <v>383</v>
      </c>
      <c r="B386" s="3" t="s">
        <v>1195</v>
      </c>
      <c r="C386" s="13" t="s">
        <v>880</v>
      </c>
      <c r="D386" s="1" t="s">
        <v>56</v>
      </c>
      <c r="E386" s="1" t="s">
        <v>1196</v>
      </c>
      <c r="F386" s="1" t="s">
        <v>528</v>
      </c>
      <c r="G386" s="2">
        <v>440</v>
      </c>
      <c r="H386" s="4">
        <v>797.35</v>
      </c>
      <c r="I386" s="2" t="s">
        <v>45</v>
      </c>
      <c r="J386" s="14">
        <v>44341</v>
      </c>
      <c r="K386" s="14">
        <v>45436</v>
      </c>
      <c r="L386" s="15"/>
    </row>
    <row r="387" spans="1:12" x14ac:dyDescent="0.3">
      <c r="A387" s="2">
        <v>384</v>
      </c>
      <c r="B387" s="3" t="s">
        <v>1197</v>
      </c>
      <c r="C387" s="13" t="s">
        <v>880</v>
      </c>
      <c r="D387" s="1" t="s">
        <v>56</v>
      </c>
      <c r="E387" s="1" t="s">
        <v>1198</v>
      </c>
      <c r="F387" s="1" t="s">
        <v>529</v>
      </c>
      <c r="G387" s="2">
        <v>435</v>
      </c>
      <c r="H387" s="4">
        <v>806.52</v>
      </c>
      <c r="I387" s="2" t="s">
        <v>45</v>
      </c>
      <c r="J387" s="14">
        <v>44341</v>
      </c>
      <c r="K387" s="14">
        <v>45436</v>
      </c>
      <c r="L387" s="15"/>
    </row>
    <row r="388" spans="1:12" x14ac:dyDescent="0.3">
      <c r="A388" s="2">
        <v>385</v>
      </c>
      <c r="B388" s="3" t="s">
        <v>1199</v>
      </c>
      <c r="C388" s="13" t="s">
        <v>880</v>
      </c>
      <c r="D388" s="1" t="s">
        <v>56</v>
      </c>
      <c r="E388" s="1" t="s">
        <v>1200</v>
      </c>
      <c r="F388" s="1" t="s">
        <v>530</v>
      </c>
      <c r="G388" s="2">
        <v>430</v>
      </c>
      <c r="H388" s="4">
        <v>815.9</v>
      </c>
      <c r="I388" s="2" t="s">
        <v>45</v>
      </c>
      <c r="J388" s="14">
        <v>44341</v>
      </c>
      <c r="K388" s="14">
        <v>45436</v>
      </c>
      <c r="L388" s="15"/>
    </row>
    <row r="389" spans="1:12" x14ac:dyDescent="0.3">
      <c r="A389" s="2">
        <v>386</v>
      </c>
      <c r="B389" s="3" t="s">
        <v>1201</v>
      </c>
      <c r="C389" s="13" t="s">
        <v>880</v>
      </c>
      <c r="D389" s="1" t="s">
        <v>56</v>
      </c>
      <c r="E389" s="1" t="s">
        <v>1202</v>
      </c>
      <c r="F389" s="1" t="s">
        <v>531</v>
      </c>
      <c r="G389" s="2">
        <v>425</v>
      </c>
      <c r="H389" s="4">
        <v>825.5</v>
      </c>
      <c r="I389" s="2" t="s">
        <v>45</v>
      </c>
      <c r="J389" s="14">
        <v>44341</v>
      </c>
      <c r="K389" s="14">
        <v>45436</v>
      </c>
      <c r="L389" s="15"/>
    </row>
    <row r="390" spans="1:12" x14ac:dyDescent="0.3">
      <c r="A390" s="2">
        <v>387</v>
      </c>
      <c r="B390" s="3" t="s">
        <v>1203</v>
      </c>
      <c r="C390" s="13" t="s">
        <v>880</v>
      </c>
      <c r="D390" s="1" t="s">
        <v>56</v>
      </c>
      <c r="E390" s="1" t="s">
        <v>1202</v>
      </c>
      <c r="F390" s="1" t="s">
        <v>532</v>
      </c>
      <c r="G390" s="2">
        <v>425</v>
      </c>
      <c r="H390" s="4">
        <v>694.81</v>
      </c>
      <c r="I390" s="2" t="s">
        <v>45</v>
      </c>
      <c r="J390" s="14">
        <v>44341</v>
      </c>
      <c r="K390" s="14">
        <v>45436</v>
      </c>
      <c r="L390" s="15"/>
    </row>
    <row r="391" spans="1:12" x14ac:dyDescent="0.3">
      <c r="A391" s="2">
        <v>388</v>
      </c>
      <c r="B391" s="3" t="s">
        <v>1204</v>
      </c>
      <c r="C391" s="13" t="s">
        <v>880</v>
      </c>
      <c r="D391" s="1" t="s">
        <v>56</v>
      </c>
      <c r="E391" s="1" t="s">
        <v>1200</v>
      </c>
      <c r="F391" s="1" t="s">
        <v>533</v>
      </c>
      <c r="G391" s="2">
        <v>430</v>
      </c>
      <c r="H391" s="4">
        <v>686.73</v>
      </c>
      <c r="I391" s="2" t="s">
        <v>45</v>
      </c>
      <c r="J391" s="14">
        <v>44341</v>
      </c>
      <c r="K391" s="14">
        <v>45436</v>
      </c>
      <c r="L391" s="15"/>
    </row>
    <row r="392" spans="1:12" x14ac:dyDescent="0.3">
      <c r="A392" s="2">
        <v>389</v>
      </c>
      <c r="B392" s="3" t="s">
        <v>1205</v>
      </c>
      <c r="C392" s="13" t="s">
        <v>880</v>
      </c>
      <c r="D392" s="1" t="s">
        <v>56</v>
      </c>
      <c r="E392" s="1" t="s">
        <v>1198</v>
      </c>
      <c r="F392" s="1" t="s">
        <v>534</v>
      </c>
      <c r="G392" s="2">
        <v>435</v>
      </c>
      <c r="H392" s="4">
        <v>678.84</v>
      </c>
      <c r="I392" s="2" t="s">
        <v>45</v>
      </c>
      <c r="J392" s="14">
        <v>44341</v>
      </c>
      <c r="K392" s="14">
        <v>45436</v>
      </c>
      <c r="L392" s="15"/>
    </row>
    <row r="393" spans="1:12" x14ac:dyDescent="0.3">
      <c r="A393" s="2">
        <v>390</v>
      </c>
      <c r="B393" s="3" t="s">
        <v>1206</v>
      </c>
      <c r="C393" s="13" t="s">
        <v>880</v>
      </c>
      <c r="D393" s="1" t="s">
        <v>56</v>
      </c>
      <c r="E393" s="1" t="s">
        <v>1196</v>
      </c>
      <c r="F393" s="1" t="s">
        <v>535</v>
      </c>
      <c r="G393" s="2">
        <v>440</v>
      </c>
      <c r="H393" s="4">
        <v>671.12</v>
      </c>
      <c r="I393" s="2" t="s">
        <v>45</v>
      </c>
      <c r="J393" s="14">
        <v>44341</v>
      </c>
      <c r="K393" s="14">
        <v>45436</v>
      </c>
      <c r="L393" s="15"/>
    </row>
    <row r="394" spans="1:12" x14ac:dyDescent="0.3">
      <c r="A394" s="2">
        <v>391</v>
      </c>
      <c r="B394" s="3" t="s">
        <v>1207</v>
      </c>
      <c r="C394" s="13" t="s">
        <v>880</v>
      </c>
      <c r="D394" s="1" t="s">
        <v>56</v>
      </c>
      <c r="E394" s="1" t="s">
        <v>1194</v>
      </c>
      <c r="F394" s="1" t="s">
        <v>536</v>
      </c>
      <c r="G394" s="2">
        <v>445</v>
      </c>
      <c r="H394" s="4">
        <v>663.58</v>
      </c>
      <c r="I394" s="2" t="s">
        <v>45</v>
      </c>
      <c r="J394" s="14">
        <v>44341</v>
      </c>
      <c r="K394" s="14">
        <v>45436</v>
      </c>
      <c r="L394" s="15"/>
    </row>
    <row r="395" spans="1:12" x14ac:dyDescent="0.3">
      <c r="A395" s="2">
        <v>392</v>
      </c>
      <c r="B395" s="3" t="s">
        <v>1208</v>
      </c>
      <c r="C395" s="13" t="s">
        <v>880</v>
      </c>
      <c r="D395" s="1" t="s">
        <v>56</v>
      </c>
      <c r="E395" s="1" t="s">
        <v>1192</v>
      </c>
      <c r="F395" s="1" t="s">
        <v>537</v>
      </c>
      <c r="G395" s="2">
        <v>450</v>
      </c>
      <c r="H395" s="4">
        <v>656.21</v>
      </c>
      <c r="I395" s="2" t="s">
        <v>45</v>
      </c>
      <c r="J395" s="14">
        <v>44341</v>
      </c>
      <c r="K395" s="14">
        <v>45436</v>
      </c>
      <c r="L395" s="15"/>
    </row>
    <row r="396" spans="1:12" x14ac:dyDescent="0.3">
      <c r="A396" s="2">
        <v>393</v>
      </c>
      <c r="B396" s="3" t="s">
        <v>1209</v>
      </c>
      <c r="C396" s="13" t="s">
        <v>880</v>
      </c>
      <c r="D396" s="1" t="s">
        <v>56</v>
      </c>
      <c r="E396" s="1" t="s">
        <v>1202</v>
      </c>
      <c r="F396" s="1" t="s">
        <v>538</v>
      </c>
      <c r="G396" s="2">
        <v>425</v>
      </c>
      <c r="H396" s="4">
        <v>813.72</v>
      </c>
      <c r="I396" s="2" t="s">
        <v>45</v>
      </c>
      <c r="J396" s="14">
        <v>44341</v>
      </c>
      <c r="K396" s="14">
        <v>45436</v>
      </c>
      <c r="L396" s="15"/>
    </row>
    <row r="397" spans="1:12" x14ac:dyDescent="0.3">
      <c r="A397" s="2">
        <v>394</v>
      </c>
      <c r="B397" s="3" t="s">
        <v>1210</v>
      </c>
      <c r="C397" s="13" t="s">
        <v>880</v>
      </c>
      <c r="D397" s="1" t="s">
        <v>56</v>
      </c>
      <c r="E397" s="1" t="s">
        <v>1200</v>
      </c>
      <c r="F397" s="1" t="s">
        <v>539</v>
      </c>
      <c r="G397" s="2">
        <v>430</v>
      </c>
      <c r="H397" s="4">
        <v>804.26</v>
      </c>
      <c r="I397" s="2" t="s">
        <v>45</v>
      </c>
      <c r="J397" s="14">
        <v>44341</v>
      </c>
      <c r="K397" s="14">
        <v>45436</v>
      </c>
      <c r="L397" s="15"/>
    </row>
    <row r="398" spans="1:12" x14ac:dyDescent="0.3">
      <c r="A398" s="2">
        <v>395</v>
      </c>
      <c r="B398" s="3" t="s">
        <v>1211</v>
      </c>
      <c r="C398" s="13" t="s">
        <v>880</v>
      </c>
      <c r="D398" s="1" t="s">
        <v>56</v>
      </c>
      <c r="E398" s="1" t="s">
        <v>1198</v>
      </c>
      <c r="F398" s="1" t="s">
        <v>540</v>
      </c>
      <c r="G398" s="2">
        <v>435</v>
      </c>
      <c r="H398" s="4">
        <v>795.02</v>
      </c>
      <c r="I398" s="2" t="s">
        <v>45</v>
      </c>
      <c r="J398" s="14">
        <v>44341</v>
      </c>
      <c r="K398" s="14">
        <v>45436</v>
      </c>
      <c r="L398" s="15"/>
    </row>
    <row r="399" spans="1:12" x14ac:dyDescent="0.3">
      <c r="A399" s="2">
        <v>396</v>
      </c>
      <c r="B399" s="3" t="s">
        <v>1212</v>
      </c>
      <c r="C399" s="13" t="s">
        <v>880</v>
      </c>
      <c r="D399" s="1" t="s">
        <v>56</v>
      </c>
      <c r="E399" s="1" t="s">
        <v>1196</v>
      </c>
      <c r="F399" s="1" t="s">
        <v>541</v>
      </c>
      <c r="G399" s="2">
        <v>440</v>
      </c>
      <c r="H399" s="4">
        <v>785.98</v>
      </c>
      <c r="I399" s="2" t="s">
        <v>45</v>
      </c>
      <c r="J399" s="14">
        <v>44341</v>
      </c>
      <c r="K399" s="14">
        <v>45436</v>
      </c>
      <c r="L399" s="15"/>
    </row>
    <row r="400" spans="1:12" x14ac:dyDescent="0.3">
      <c r="A400" s="2">
        <v>397</v>
      </c>
      <c r="B400" s="3" t="s">
        <v>1213</v>
      </c>
      <c r="C400" s="13" t="s">
        <v>880</v>
      </c>
      <c r="D400" s="1" t="s">
        <v>56</v>
      </c>
      <c r="E400" s="1" t="s">
        <v>1194</v>
      </c>
      <c r="F400" s="1" t="s">
        <v>542</v>
      </c>
      <c r="G400" s="2">
        <v>445</v>
      </c>
      <c r="H400" s="4">
        <v>777.15</v>
      </c>
      <c r="I400" s="2" t="s">
        <v>45</v>
      </c>
      <c r="J400" s="14">
        <v>44341</v>
      </c>
      <c r="K400" s="14">
        <v>45436</v>
      </c>
      <c r="L400" s="15"/>
    </row>
    <row r="401" spans="1:12" x14ac:dyDescent="0.3">
      <c r="A401" s="2">
        <v>398</v>
      </c>
      <c r="B401" s="3" t="s">
        <v>1214</v>
      </c>
      <c r="C401" s="13" t="s">
        <v>880</v>
      </c>
      <c r="D401" s="1" t="s">
        <v>56</v>
      </c>
      <c r="E401" s="1" t="s">
        <v>1192</v>
      </c>
      <c r="F401" s="1" t="s">
        <v>543</v>
      </c>
      <c r="G401" s="2">
        <v>450</v>
      </c>
      <c r="H401" s="4">
        <v>768.51</v>
      </c>
      <c r="I401" s="2" t="s">
        <v>45</v>
      </c>
      <c r="J401" s="14">
        <v>44341</v>
      </c>
      <c r="K401" s="14">
        <v>45436</v>
      </c>
      <c r="L401" s="15"/>
    </row>
    <row r="402" spans="1:12" x14ac:dyDescent="0.3">
      <c r="A402" s="2">
        <v>399</v>
      </c>
      <c r="B402" s="3" t="s">
        <v>1215</v>
      </c>
      <c r="C402" s="13" t="s">
        <v>880</v>
      </c>
      <c r="D402" s="1" t="s">
        <v>56</v>
      </c>
      <c r="E402" s="1" t="s">
        <v>1196</v>
      </c>
      <c r="F402" s="1" t="s">
        <v>544</v>
      </c>
      <c r="G402" s="2">
        <v>440</v>
      </c>
      <c r="H402" s="4">
        <v>669.89</v>
      </c>
      <c r="I402" s="2" t="s">
        <v>45</v>
      </c>
      <c r="J402" s="14">
        <v>44341</v>
      </c>
      <c r="K402" s="14">
        <v>45436</v>
      </c>
      <c r="L402" s="15"/>
    </row>
    <row r="403" spans="1:12" x14ac:dyDescent="0.3">
      <c r="A403" s="2">
        <v>400</v>
      </c>
      <c r="B403" s="3" t="s">
        <v>1216</v>
      </c>
      <c r="C403" s="13" t="s">
        <v>880</v>
      </c>
      <c r="D403" s="1" t="s">
        <v>56</v>
      </c>
      <c r="E403" s="1" t="s">
        <v>1217</v>
      </c>
      <c r="F403" s="1" t="s">
        <v>545</v>
      </c>
      <c r="G403" s="2">
        <v>425</v>
      </c>
      <c r="H403" s="4">
        <v>797.12</v>
      </c>
      <c r="I403" s="2" t="s">
        <v>45</v>
      </c>
      <c r="J403" s="14">
        <v>44341</v>
      </c>
      <c r="K403" s="14">
        <v>45436</v>
      </c>
      <c r="L403" s="15"/>
    </row>
    <row r="404" spans="1:12" x14ac:dyDescent="0.3">
      <c r="A404" s="2">
        <v>401</v>
      </c>
      <c r="B404" s="3" t="s">
        <v>1218</v>
      </c>
      <c r="C404" s="13" t="s">
        <v>880</v>
      </c>
      <c r="D404" s="1" t="s">
        <v>56</v>
      </c>
      <c r="E404" s="1" t="s">
        <v>1219</v>
      </c>
      <c r="F404" s="1" t="s">
        <v>546</v>
      </c>
      <c r="G404" s="2">
        <v>430</v>
      </c>
      <c r="H404" s="4">
        <v>787.85</v>
      </c>
      <c r="I404" s="2" t="s">
        <v>45</v>
      </c>
      <c r="J404" s="14">
        <v>44341</v>
      </c>
      <c r="K404" s="14">
        <v>45436</v>
      </c>
      <c r="L404" s="15"/>
    </row>
    <row r="405" spans="1:12" x14ac:dyDescent="0.3">
      <c r="A405" s="2">
        <v>402</v>
      </c>
      <c r="B405" s="3" t="s">
        <v>1220</v>
      </c>
      <c r="C405" s="13" t="s">
        <v>880</v>
      </c>
      <c r="D405" s="1" t="s">
        <v>56</v>
      </c>
      <c r="E405" s="1" t="s">
        <v>1221</v>
      </c>
      <c r="F405" s="1" t="s">
        <v>547</v>
      </c>
      <c r="G405" s="2">
        <v>435</v>
      </c>
      <c r="H405" s="4">
        <v>778.79</v>
      </c>
      <c r="I405" s="2" t="s">
        <v>45</v>
      </c>
      <c r="J405" s="14">
        <v>44341</v>
      </c>
      <c r="K405" s="14">
        <v>45436</v>
      </c>
      <c r="L405" s="15"/>
    </row>
    <row r="406" spans="1:12" x14ac:dyDescent="0.3">
      <c r="A406" s="2">
        <v>403</v>
      </c>
      <c r="B406" s="3" t="s">
        <v>1222</v>
      </c>
      <c r="C406" s="13" t="s">
        <v>880</v>
      </c>
      <c r="D406" s="1" t="s">
        <v>56</v>
      </c>
      <c r="E406" s="1" t="s">
        <v>1223</v>
      </c>
      <c r="F406" s="1" t="s">
        <v>548</v>
      </c>
      <c r="G406" s="2">
        <v>440</v>
      </c>
      <c r="H406" s="4">
        <v>769.94</v>
      </c>
      <c r="I406" s="2" t="s">
        <v>45</v>
      </c>
      <c r="J406" s="14">
        <v>44341</v>
      </c>
      <c r="K406" s="14">
        <v>45436</v>
      </c>
      <c r="L406" s="15"/>
    </row>
    <row r="407" spans="1:12" x14ac:dyDescent="0.3">
      <c r="A407" s="2">
        <v>404</v>
      </c>
      <c r="B407" s="3" t="s">
        <v>1224</v>
      </c>
      <c r="C407" s="13" t="s">
        <v>880</v>
      </c>
      <c r="D407" s="1" t="s">
        <v>56</v>
      </c>
      <c r="E407" s="1" t="s">
        <v>1225</v>
      </c>
      <c r="F407" s="1" t="s">
        <v>549</v>
      </c>
      <c r="G407" s="2">
        <v>445</v>
      </c>
      <c r="H407" s="4">
        <v>761.29</v>
      </c>
      <c r="I407" s="2" t="s">
        <v>45</v>
      </c>
      <c r="J407" s="14">
        <v>44341</v>
      </c>
      <c r="K407" s="14">
        <v>45436</v>
      </c>
      <c r="L407" s="15"/>
    </row>
    <row r="408" spans="1:12" x14ac:dyDescent="0.3">
      <c r="A408" s="2">
        <v>405</v>
      </c>
      <c r="B408" s="3" t="s">
        <v>1226</v>
      </c>
      <c r="C408" s="13" t="s">
        <v>880</v>
      </c>
      <c r="D408" s="1" t="s">
        <v>56</v>
      </c>
      <c r="E408" s="1" t="s">
        <v>1227</v>
      </c>
      <c r="F408" s="1" t="s">
        <v>550</v>
      </c>
      <c r="G408" s="2">
        <v>450</v>
      </c>
      <c r="H408" s="4">
        <v>752.83</v>
      </c>
      <c r="I408" s="2" t="s">
        <v>45</v>
      </c>
      <c r="J408" s="14">
        <v>44341</v>
      </c>
      <c r="K408" s="14">
        <v>45436</v>
      </c>
      <c r="L408" s="15"/>
    </row>
    <row r="409" spans="1:12" x14ac:dyDescent="0.3">
      <c r="A409" s="2">
        <v>406</v>
      </c>
      <c r="B409" s="3" t="s">
        <v>1228</v>
      </c>
      <c r="C409" s="13" t="s">
        <v>880</v>
      </c>
      <c r="D409" s="1" t="s">
        <v>56</v>
      </c>
      <c r="E409" s="1" t="s">
        <v>1217</v>
      </c>
      <c r="F409" s="1" t="s">
        <v>551</v>
      </c>
      <c r="G409" s="2">
        <v>425</v>
      </c>
      <c r="H409" s="4">
        <v>676.93</v>
      </c>
      <c r="I409" s="2" t="s">
        <v>45</v>
      </c>
      <c r="J409" s="14">
        <v>44341</v>
      </c>
      <c r="K409" s="14">
        <v>45436</v>
      </c>
      <c r="L409" s="15"/>
    </row>
    <row r="410" spans="1:12" x14ac:dyDescent="0.3">
      <c r="A410" s="2">
        <v>407</v>
      </c>
      <c r="B410" s="3" t="s">
        <v>1229</v>
      </c>
      <c r="C410" s="13" t="s">
        <v>880</v>
      </c>
      <c r="D410" s="1" t="s">
        <v>56</v>
      </c>
      <c r="E410" s="1" t="s">
        <v>1219</v>
      </c>
      <c r="F410" s="1" t="s">
        <v>552</v>
      </c>
      <c r="G410" s="2">
        <v>430</v>
      </c>
      <c r="H410" s="4">
        <v>669.05</v>
      </c>
      <c r="I410" s="2" t="s">
        <v>45</v>
      </c>
      <c r="J410" s="14">
        <v>44341</v>
      </c>
      <c r="K410" s="14">
        <v>45436</v>
      </c>
      <c r="L410" s="15"/>
    </row>
    <row r="411" spans="1:12" x14ac:dyDescent="0.3">
      <c r="A411" s="2">
        <v>408</v>
      </c>
      <c r="B411" s="3" t="s">
        <v>1230</v>
      </c>
      <c r="C411" s="13" t="s">
        <v>880</v>
      </c>
      <c r="D411" s="1" t="s">
        <v>56</v>
      </c>
      <c r="E411" s="1" t="s">
        <v>1221</v>
      </c>
      <c r="F411" s="1" t="s">
        <v>553</v>
      </c>
      <c r="G411" s="2">
        <v>435</v>
      </c>
      <c r="H411" s="4">
        <v>661.36</v>
      </c>
      <c r="I411" s="2" t="s">
        <v>45</v>
      </c>
      <c r="J411" s="14">
        <v>44341</v>
      </c>
      <c r="K411" s="14">
        <v>45436</v>
      </c>
      <c r="L411" s="15"/>
    </row>
    <row r="412" spans="1:12" x14ac:dyDescent="0.3">
      <c r="A412" s="2">
        <v>409</v>
      </c>
      <c r="B412" s="3" t="s">
        <v>1231</v>
      </c>
      <c r="C412" s="13" t="s">
        <v>880</v>
      </c>
      <c r="D412" s="1" t="s">
        <v>56</v>
      </c>
      <c r="E412" s="1" t="s">
        <v>1223</v>
      </c>
      <c r="F412" s="1" t="s">
        <v>554</v>
      </c>
      <c r="G412" s="2">
        <v>440</v>
      </c>
      <c r="H412" s="4">
        <v>653.85</v>
      </c>
      <c r="I412" s="2" t="s">
        <v>45</v>
      </c>
      <c r="J412" s="14">
        <v>44341</v>
      </c>
      <c r="K412" s="14">
        <v>45436</v>
      </c>
      <c r="L412" s="15"/>
    </row>
    <row r="413" spans="1:12" x14ac:dyDescent="0.3">
      <c r="A413" s="2">
        <v>410</v>
      </c>
      <c r="B413" s="3" t="s">
        <v>1232</v>
      </c>
      <c r="C413" s="13" t="s">
        <v>880</v>
      </c>
      <c r="D413" s="1" t="s">
        <v>56</v>
      </c>
      <c r="E413" s="1" t="s">
        <v>1225</v>
      </c>
      <c r="F413" s="1" t="s">
        <v>555</v>
      </c>
      <c r="G413" s="2">
        <v>445</v>
      </c>
      <c r="H413" s="4">
        <v>646.5</v>
      </c>
      <c r="I413" s="2" t="s">
        <v>45</v>
      </c>
      <c r="J413" s="14">
        <v>44341</v>
      </c>
      <c r="K413" s="14">
        <v>45436</v>
      </c>
      <c r="L413" s="15"/>
    </row>
    <row r="414" spans="1:12" x14ac:dyDescent="0.3">
      <c r="A414" s="2">
        <v>411</v>
      </c>
      <c r="B414" s="3" t="s">
        <v>1233</v>
      </c>
      <c r="C414" s="13" t="s">
        <v>880</v>
      </c>
      <c r="D414" s="1" t="s">
        <v>56</v>
      </c>
      <c r="E414" s="1" t="s">
        <v>1227</v>
      </c>
      <c r="F414" s="1" t="s">
        <v>556</v>
      </c>
      <c r="G414" s="2">
        <v>450</v>
      </c>
      <c r="H414" s="4">
        <v>639.32000000000005</v>
      </c>
      <c r="I414" s="2" t="s">
        <v>45</v>
      </c>
      <c r="J414" s="14">
        <v>44341</v>
      </c>
      <c r="K414" s="14">
        <v>45436</v>
      </c>
      <c r="L414" s="15"/>
    </row>
    <row r="415" spans="1:12" x14ac:dyDescent="0.3">
      <c r="A415" s="2">
        <v>412</v>
      </c>
      <c r="B415" s="3" t="s">
        <v>1234</v>
      </c>
      <c r="C415" s="13" t="s">
        <v>880</v>
      </c>
      <c r="D415" s="1" t="s">
        <v>56</v>
      </c>
      <c r="E415" s="1" t="s">
        <v>1202</v>
      </c>
      <c r="F415" s="1" t="s">
        <v>557</v>
      </c>
      <c r="G415" s="2">
        <v>425</v>
      </c>
      <c r="H415" s="4">
        <v>803.72</v>
      </c>
      <c r="I415" s="2" t="s">
        <v>45</v>
      </c>
      <c r="J415" s="14">
        <v>44341</v>
      </c>
      <c r="K415" s="14">
        <v>45436</v>
      </c>
      <c r="L415" s="15"/>
    </row>
    <row r="416" spans="1:12" x14ac:dyDescent="0.3">
      <c r="A416" s="2">
        <v>413</v>
      </c>
      <c r="B416" s="3" t="s">
        <v>1235</v>
      </c>
      <c r="C416" s="13" t="s">
        <v>880</v>
      </c>
      <c r="D416" s="1" t="s">
        <v>56</v>
      </c>
      <c r="E416" s="1" t="s">
        <v>1200</v>
      </c>
      <c r="F416" s="1" t="s">
        <v>558</v>
      </c>
      <c r="G416" s="2">
        <v>430</v>
      </c>
      <c r="H416" s="4">
        <v>794.38</v>
      </c>
      <c r="I416" s="2" t="s">
        <v>45</v>
      </c>
      <c r="J416" s="14">
        <v>44341</v>
      </c>
      <c r="K416" s="14">
        <v>45436</v>
      </c>
      <c r="L416" s="15"/>
    </row>
    <row r="417" spans="1:12" x14ac:dyDescent="0.3">
      <c r="A417" s="2">
        <v>414</v>
      </c>
      <c r="B417" s="3" t="s">
        <v>1236</v>
      </c>
      <c r="C417" s="13" t="s">
        <v>880</v>
      </c>
      <c r="D417" s="1" t="s">
        <v>56</v>
      </c>
      <c r="E417" s="1" t="s">
        <v>1198</v>
      </c>
      <c r="F417" s="1" t="s">
        <v>559</v>
      </c>
      <c r="G417" s="2">
        <v>435</v>
      </c>
      <c r="H417" s="4">
        <v>785.25</v>
      </c>
      <c r="I417" s="2" t="s">
        <v>45</v>
      </c>
      <c r="J417" s="14">
        <v>44341</v>
      </c>
      <c r="K417" s="14">
        <v>45436</v>
      </c>
      <c r="L417" s="15"/>
    </row>
    <row r="418" spans="1:12" x14ac:dyDescent="0.3">
      <c r="A418" s="2">
        <v>415</v>
      </c>
      <c r="B418" s="3" t="s">
        <v>1237</v>
      </c>
      <c r="C418" s="13" t="s">
        <v>880</v>
      </c>
      <c r="D418" s="1" t="s">
        <v>56</v>
      </c>
      <c r="E418" s="1" t="s">
        <v>1196</v>
      </c>
      <c r="F418" s="1" t="s">
        <v>560</v>
      </c>
      <c r="G418" s="2">
        <v>440</v>
      </c>
      <c r="H418" s="4">
        <v>776.32</v>
      </c>
      <c r="I418" s="2" t="s">
        <v>45</v>
      </c>
      <c r="J418" s="14">
        <v>44341</v>
      </c>
      <c r="K418" s="14">
        <v>45436</v>
      </c>
      <c r="L418" s="15"/>
    </row>
    <row r="419" spans="1:12" x14ac:dyDescent="0.3">
      <c r="A419" s="2">
        <v>416</v>
      </c>
      <c r="B419" s="3" t="s">
        <v>1238</v>
      </c>
      <c r="C419" s="13" t="s">
        <v>880</v>
      </c>
      <c r="D419" s="1" t="s">
        <v>56</v>
      </c>
      <c r="E419" s="1" t="s">
        <v>1194</v>
      </c>
      <c r="F419" s="1" t="s">
        <v>561</v>
      </c>
      <c r="G419" s="2">
        <v>445</v>
      </c>
      <c r="H419" s="4">
        <v>767.6</v>
      </c>
      <c r="I419" s="2" t="s">
        <v>45</v>
      </c>
      <c r="J419" s="14">
        <v>44341</v>
      </c>
      <c r="K419" s="14">
        <v>45436</v>
      </c>
      <c r="L419" s="15"/>
    </row>
    <row r="420" spans="1:12" x14ac:dyDescent="0.3">
      <c r="A420" s="2">
        <v>417</v>
      </c>
      <c r="B420" s="3" t="s">
        <v>1239</v>
      </c>
      <c r="C420" s="13" t="s">
        <v>880</v>
      </c>
      <c r="D420" s="1" t="s">
        <v>56</v>
      </c>
      <c r="E420" s="1" t="s">
        <v>1192</v>
      </c>
      <c r="F420" s="1" t="s">
        <v>562</v>
      </c>
      <c r="G420" s="2">
        <v>450</v>
      </c>
      <c r="H420" s="4">
        <v>759.07</v>
      </c>
      <c r="I420" s="2" t="s">
        <v>45</v>
      </c>
      <c r="J420" s="14">
        <v>44341</v>
      </c>
      <c r="K420" s="14">
        <v>45436</v>
      </c>
      <c r="L420" s="15"/>
    </row>
    <row r="421" spans="1:12" x14ac:dyDescent="0.3">
      <c r="A421" s="2">
        <v>418</v>
      </c>
      <c r="B421" s="3" t="s">
        <v>1240</v>
      </c>
      <c r="C421" s="13" t="s">
        <v>880</v>
      </c>
      <c r="D421" s="1" t="s">
        <v>56</v>
      </c>
      <c r="E421" s="1" t="s">
        <v>1217</v>
      </c>
      <c r="F421" s="1" t="s">
        <v>563</v>
      </c>
      <c r="G421" s="2">
        <v>425</v>
      </c>
      <c r="H421" s="4">
        <v>787.12</v>
      </c>
      <c r="I421" s="2" t="s">
        <v>45</v>
      </c>
      <c r="J421" s="14">
        <v>44341</v>
      </c>
      <c r="K421" s="14">
        <v>45436</v>
      </c>
      <c r="L421" s="15"/>
    </row>
    <row r="422" spans="1:12" x14ac:dyDescent="0.3">
      <c r="A422" s="2">
        <v>419</v>
      </c>
      <c r="B422" s="3" t="s">
        <v>1241</v>
      </c>
      <c r="C422" s="13" t="s">
        <v>880</v>
      </c>
      <c r="D422" s="1" t="s">
        <v>56</v>
      </c>
      <c r="E422" s="1" t="s">
        <v>1219</v>
      </c>
      <c r="F422" s="1" t="s">
        <v>564</v>
      </c>
      <c r="G422" s="2">
        <v>430</v>
      </c>
      <c r="H422" s="4">
        <v>777.97</v>
      </c>
      <c r="I422" s="2" t="s">
        <v>45</v>
      </c>
      <c r="J422" s="14">
        <v>44341</v>
      </c>
      <c r="K422" s="14">
        <v>45436</v>
      </c>
      <c r="L422" s="15"/>
    </row>
    <row r="423" spans="1:12" x14ac:dyDescent="0.3">
      <c r="A423" s="2">
        <v>420</v>
      </c>
      <c r="B423" s="3" t="s">
        <v>1242</v>
      </c>
      <c r="C423" s="13" t="s">
        <v>880</v>
      </c>
      <c r="D423" s="1" t="s">
        <v>56</v>
      </c>
      <c r="E423" s="1" t="s">
        <v>1221</v>
      </c>
      <c r="F423" s="1" t="s">
        <v>565</v>
      </c>
      <c r="G423" s="2">
        <v>435</v>
      </c>
      <c r="H423" s="4">
        <v>769.03</v>
      </c>
      <c r="I423" s="2" t="s">
        <v>45</v>
      </c>
      <c r="J423" s="14">
        <v>44341</v>
      </c>
      <c r="K423" s="14">
        <v>45436</v>
      </c>
      <c r="L423" s="15"/>
    </row>
    <row r="424" spans="1:12" x14ac:dyDescent="0.3">
      <c r="A424" s="2">
        <v>421</v>
      </c>
      <c r="B424" s="3" t="s">
        <v>1243</v>
      </c>
      <c r="C424" s="13" t="s">
        <v>880</v>
      </c>
      <c r="D424" s="1" t="s">
        <v>56</v>
      </c>
      <c r="E424" s="1" t="s">
        <v>1223</v>
      </c>
      <c r="F424" s="1" t="s">
        <v>566</v>
      </c>
      <c r="G424" s="2">
        <v>440</v>
      </c>
      <c r="H424" s="4">
        <v>760.29</v>
      </c>
      <c r="I424" s="2" t="s">
        <v>45</v>
      </c>
      <c r="J424" s="14">
        <v>44341</v>
      </c>
      <c r="K424" s="14">
        <v>45436</v>
      </c>
      <c r="L424" s="15"/>
    </row>
    <row r="425" spans="1:12" x14ac:dyDescent="0.3">
      <c r="A425" s="2">
        <v>422</v>
      </c>
      <c r="B425" s="3" t="s">
        <v>1244</v>
      </c>
      <c r="C425" s="13" t="s">
        <v>880</v>
      </c>
      <c r="D425" s="1" t="s">
        <v>56</v>
      </c>
      <c r="E425" s="1" t="s">
        <v>1225</v>
      </c>
      <c r="F425" s="1" t="s">
        <v>567</v>
      </c>
      <c r="G425" s="2">
        <v>445</v>
      </c>
      <c r="H425" s="4">
        <v>751.74</v>
      </c>
      <c r="I425" s="2" t="s">
        <v>45</v>
      </c>
      <c r="J425" s="14">
        <v>44341</v>
      </c>
      <c r="K425" s="14">
        <v>45436</v>
      </c>
      <c r="L425" s="15"/>
    </row>
    <row r="426" spans="1:12" x14ac:dyDescent="0.3">
      <c r="A426" s="2">
        <v>423</v>
      </c>
      <c r="B426" s="3" t="s">
        <v>1245</v>
      </c>
      <c r="C426" s="13" t="s">
        <v>880</v>
      </c>
      <c r="D426" s="1" t="s">
        <v>56</v>
      </c>
      <c r="E426" s="1" t="s">
        <v>1227</v>
      </c>
      <c r="F426" s="1" t="s">
        <v>568</v>
      </c>
      <c r="G426" s="2">
        <v>450</v>
      </c>
      <c r="H426" s="4">
        <v>743.39</v>
      </c>
      <c r="I426" s="2" t="s">
        <v>45</v>
      </c>
      <c r="J426" s="14">
        <v>44341</v>
      </c>
      <c r="K426" s="14">
        <v>45436</v>
      </c>
      <c r="L426" s="15"/>
    </row>
    <row r="427" spans="1:12" x14ac:dyDescent="0.3">
      <c r="A427" s="2">
        <v>424</v>
      </c>
      <c r="B427" s="3" t="s">
        <v>1246</v>
      </c>
      <c r="C427" s="13" t="s">
        <v>907</v>
      </c>
      <c r="D427" s="1" t="s">
        <v>133</v>
      </c>
      <c r="E427" s="1" t="s">
        <v>1247</v>
      </c>
      <c r="F427" s="1" t="s">
        <v>569</v>
      </c>
      <c r="G427" s="2">
        <v>455</v>
      </c>
      <c r="H427" s="4">
        <v>715.85</v>
      </c>
      <c r="I427" s="2" t="s">
        <v>45</v>
      </c>
      <c r="J427" s="14">
        <v>44341</v>
      </c>
      <c r="K427" s="14">
        <v>45436</v>
      </c>
      <c r="L427" s="15"/>
    </row>
    <row r="428" spans="1:12" x14ac:dyDescent="0.3">
      <c r="A428" s="2">
        <v>425</v>
      </c>
      <c r="B428" s="3" t="s">
        <v>1248</v>
      </c>
      <c r="C428" s="13" t="s">
        <v>907</v>
      </c>
      <c r="D428" s="1" t="s">
        <v>133</v>
      </c>
      <c r="E428" s="1" t="s">
        <v>1249</v>
      </c>
      <c r="F428" s="1" t="s">
        <v>570</v>
      </c>
      <c r="G428" s="2">
        <v>460</v>
      </c>
      <c r="H428" s="4">
        <v>708.07</v>
      </c>
      <c r="I428" s="2" t="s">
        <v>45</v>
      </c>
      <c r="J428" s="14">
        <v>44341</v>
      </c>
      <c r="K428" s="14">
        <v>45436</v>
      </c>
      <c r="L428" s="15"/>
    </row>
    <row r="429" spans="1:12" x14ac:dyDescent="0.3">
      <c r="A429" s="2">
        <v>426</v>
      </c>
      <c r="B429" s="3" t="s">
        <v>1250</v>
      </c>
      <c r="C429" s="13" t="s">
        <v>907</v>
      </c>
      <c r="D429" s="1" t="s">
        <v>56</v>
      </c>
      <c r="E429" s="1" t="s">
        <v>59</v>
      </c>
      <c r="F429" s="1" t="s">
        <v>571</v>
      </c>
      <c r="G429" s="2">
        <v>390</v>
      </c>
      <c r="H429" s="4">
        <v>803.56</v>
      </c>
      <c r="I429" s="2" t="s">
        <v>45</v>
      </c>
      <c r="J429" s="14">
        <v>44341</v>
      </c>
      <c r="K429" s="14">
        <v>45436</v>
      </c>
      <c r="L429" s="15"/>
    </row>
    <row r="430" spans="1:12" x14ac:dyDescent="0.3">
      <c r="A430" s="2">
        <v>427</v>
      </c>
      <c r="B430" s="3" t="s">
        <v>1251</v>
      </c>
      <c r="C430" s="13" t="s">
        <v>907</v>
      </c>
      <c r="D430" s="1" t="s">
        <v>56</v>
      </c>
      <c r="E430" s="1" t="s">
        <v>58</v>
      </c>
      <c r="F430" s="1" t="s">
        <v>572</v>
      </c>
      <c r="G430" s="2">
        <v>395</v>
      </c>
      <c r="H430" s="4">
        <v>793.39</v>
      </c>
      <c r="I430" s="2" t="s">
        <v>45</v>
      </c>
      <c r="J430" s="14">
        <v>44341</v>
      </c>
      <c r="K430" s="14">
        <v>45436</v>
      </c>
      <c r="L430" s="15"/>
    </row>
    <row r="431" spans="1:12" x14ac:dyDescent="0.3">
      <c r="A431" s="2">
        <v>428</v>
      </c>
      <c r="B431" s="3" t="s">
        <v>1252</v>
      </c>
      <c r="C431" s="13" t="s">
        <v>907</v>
      </c>
      <c r="D431" s="1" t="s">
        <v>56</v>
      </c>
      <c r="E431" s="1" t="s">
        <v>57</v>
      </c>
      <c r="F431" s="1" t="s">
        <v>573</v>
      </c>
      <c r="G431" s="2">
        <v>400</v>
      </c>
      <c r="H431" s="4">
        <v>783.47</v>
      </c>
      <c r="I431" s="2" t="s">
        <v>45</v>
      </c>
      <c r="J431" s="14">
        <v>44341</v>
      </c>
      <c r="K431" s="14">
        <v>45436</v>
      </c>
      <c r="L431" s="15"/>
    </row>
    <row r="432" spans="1:12" x14ac:dyDescent="0.3">
      <c r="A432" s="2">
        <v>429</v>
      </c>
      <c r="B432" s="3" t="s">
        <v>1253</v>
      </c>
      <c r="C432" s="13" t="s">
        <v>1254</v>
      </c>
      <c r="D432" s="1" t="s">
        <v>134</v>
      </c>
      <c r="E432" s="1" t="s">
        <v>1255</v>
      </c>
      <c r="F432" s="1" t="s">
        <v>574</v>
      </c>
      <c r="G432" s="2">
        <v>450</v>
      </c>
      <c r="H432" s="4">
        <v>660.89</v>
      </c>
      <c r="I432" s="2" t="s">
        <v>45</v>
      </c>
      <c r="J432" s="14">
        <v>44341</v>
      </c>
      <c r="K432" s="14">
        <v>45436</v>
      </c>
      <c r="L432" s="15"/>
    </row>
    <row r="433" spans="1:12" x14ac:dyDescent="0.3">
      <c r="A433" s="2">
        <v>430</v>
      </c>
      <c r="B433" s="3" t="s">
        <v>1256</v>
      </c>
      <c r="C433" s="13" t="s">
        <v>1254</v>
      </c>
      <c r="D433" s="1" t="s">
        <v>134</v>
      </c>
      <c r="E433" s="1" t="s">
        <v>1257</v>
      </c>
      <c r="F433" s="1" t="s">
        <v>575</v>
      </c>
      <c r="G433" s="2">
        <v>445</v>
      </c>
      <c r="H433" s="4">
        <v>668.31</v>
      </c>
      <c r="I433" s="2" t="s">
        <v>45</v>
      </c>
      <c r="J433" s="14">
        <v>44341</v>
      </c>
      <c r="K433" s="14">
        <v>45436</v>
      </c>
      <c r="L433" s="15"/>
    </row>
    <row r="434" spans="1:12" x14ac:dyDescent="0.3">
      <c r="A434" s="2">
        <v>431</v>
      </c>
      <c r="B434" s="3" t="s">
        <v>1258</v>
      </c>
      <c r="C434" s="13" t="s">
        <v>1254</v>
      </c>
      <c r="D434" s="1" t="s">
        <v>134</v>
      </c>
      <c r="E434" s="1" t="s">
        <v>1259</v>
      </c>
      <c r="F434" s="1" t="s">
        <v>576</v>
      </c>
      <c r="G434" s="2">
        <v>440</v>
      </c>
      <c r="H434" s="4">
        <v>675.91</v>
      </c>
      <c r="I434" s="2" t="s">
        <v>45</v>
      </c>
      <c r="J434" s="14">
        <v>44341</v>
      </c>
      <c r="K434" s="14">
        <v>45436</v>
      </c>
      <c r="L434" s="15"/>
    </row>
    <row r="435" spans="1:12" x14ac:dyDescent="0.3">
      <c r="A435" s="2">
        <v>432</v>
      </c>
      <c r="B435" s="3" t="s">
        <v>1260</v>
      </c>
      <c r="C435" s="13" t="s">
        <v>1254</v>
      </c>
      <c r="D435" s="1" t="s">
        <v>134</v>
      </c>
      <c r="E435" s="1" t="s">
        <v>1255</v>
      </c>
      <c r="F435" s="1" t="s">
        <v>577</v>
      </c>
      <c r="G435" s="2">
        <v>450</v>
      </c>
      <c r="H435" s="4">
        <v>759.07</v>
      </c>
      <c r="I435" s="2" t="s">
        <v>45</v>
      </c>
      <c r="J435" s="14">
        <v>44341</v>
      </c>
      <c r="K435" s="14">
        <v>45436</v>
      </c>
      <c r="L435" s="15"/>
    </row>
    <row r="436" spans="1:12" x14ac:dyDescent="0.3">
      <c r="A436" s="2">
        <v>433</v>
      </c>
      <c r="B436" s="3" t="s">
        <v>1261</v>
      </c>
      <c r="C436" s="13" t="s">
        <v>1254</v>
      </c>
      <c r="D436" s="1" t="s">
        <v>134</v>
      </c>
      <c r="E436" s="1" t="s">
        <v>1257</v>
      </c>
      <c r="F436" s="1" t="s">
        <v>578</v>
      </c>
      <c r="G436" s="2">
        <v>445</v>
      </c>
      <c r="H436" s="4">
        <v>767.6</v>
      </c>
      <c r="I436" s="2" t="s">
        <v>45</v>
      </c>
      <c r="J436" s="14">
        <v>44341</v>
      </c>
      <c r="K436" s="14">
        <v>45436</v>
      </c>
      <c r="L436" s="15"/>
    </row>
    <row r="437" spans="1:12" x14ac:dyDescent="0.3">
      <c r="A437" s="2">
        <v>434</v>
      </c>
      <c r="B437" s="3" t="s">
        <v>1262</v>
      </c>
      <c r="C437" s="13" t="s">
        <v>1254</v>
      </c>
      <c r="D437" s="1" t="s">
        <v>134</v>
      </c>
      <c r="E437" s="1" t="s">
        <v>1259</v>
      </c>
      <c r="F437" s="1" t="s">
        <v>579</v>
      </c>
      <c r="G437" s="2">
        <v>440</v>
      </c>
      <c r="H437" s="4">
        <v>776.32</v>
      </c>
      <c r="I437" s="2" t="s">
        <v>45</v>
      </c>
      <c r="J437" s="14">
        <v>44341</v>
      </c>
      <c r="K437" s="14">
        <v>45436</v>
      </c>
      <c r="L437" s="15"/>
    </row>
    <row r="438" spans="1:12" x14ac:dyDescent="0.3">
      <c r="A438" s="2">
        <v>435</v>
      </c>
      <c r="B438" s="3" t="s">
        <v>138</v>
      </c>
      <c r="C438" s="13" t="s">
        <v>62</v>
      </c>
      <c r="D438" s="1" t="s">
        <v>51</v>
      </c>
      <c r="E438" s="1" t="s">
        <v>635</v>
      </c>
      <c r="F438" s="1" t="s">
        <v>140</v>
      </c>
      <c r="G438" s="2">
        <v>465</v>
      </c>
      <c r="H438" s="4">
        <v>661.35</v>
      </c>
      <c r="I438" s="2" t="s">
        <v>45</v>
      </c>
      <c r="J438" s="14">
        <v>44372</v>
      </c>
      <c r="K438" s="14">
        <v>45467</v>
      </c>
      <c r="L438" s="15"/>
    </row>
    <row r="439" spans="1:12" x14ac:dyDescent="0.3">
      <c r="A439" s="2">
        <v>436</v>
      </c>
      <c r="B439" s="3" t="s">
        <v>139</v>
      </c>
      <c r="C439" s="13" t="s">
        <v>62</v>
      </c>
      <c r="D439" s="1" t="s">
        <v>51</v>
      </c>
      <c r="E439" s="1" t="s">
        <v>636</v>
      </c>
      <c r="F439" s="1" t="s">
        <v>141</v>
      </c>
      <c r="G439" s="2">
        <v>470</v>
      </c>
      <c r="H439" s="4">
        <v>654.30999999999995</v>
      </c>
      <c r="I439" s="2" t="s">
        <v>45</v>
      </c>
      <c r="J439" s="14">
        <v>44372</v>
      </c>
      <c r="K439" s="14">
        <v>45467</v>
      </c>
      <c r="L439" s="15"/>
    </row>
    <row r="440" spans="1:12" x14ac:dyDescent="0.3">
      <c r="A440" s="2">
        <v>437</v>
      </c>
      <c r="B440" s="3" t="s">
        <v>1263</v>
      </c>
      <c r="C440" s="13" t="s">
        <v>62</v>
      </c>
      <c r="D440" s="1" t="s">
        <v>51</v>
      </c>
      <c r="E440" s="1" t="s">
        <v>637</v>
      </c>
      <c r="F440" s="1" t="s">
        <v>142</v>
      </c>
      <c r="G440" s="2">
        <v>475</v>
      </c>
      <c r="H440" s="4">
        <v>647.42999999999995</v>
      </c>
      <c r="I440" s="2" t="s">
        <v>45</v>
      </c>
      <c r="J440" s="14">
        <v>44372</v>
      </c>
      <c r="K440" s="14">
        <v>45467</v>
      </c>
      <c r="L440" s="15"/>
    </row>
    <row r="441" spans="1:12" x14ac:dyDescent="0.3">
      <c r="A441" s="2">
        <v>438</v>
      </c>
      <c r="B441" s="3" t="s">
        <v>1264</v>
      </c>
      <c r="C441" s="13" t="s">
        <v>62</v>
      </c>
      <c r="D441" s="1" t="s">
        <v>51</v>
      </c>
      <c r="E441" s="1" t="s">
        <v>635</v>
      </c>
      <c r="F441" s="1" t="s">
        <v>143</v>
      </c>
      <c r="G441" s="2">
        <v>465</v>
      </c>
      <c r="H441" s="4">
        <v>749.31</v>
      </c>
      <c r="I441" s="2" t="s">
        <v>45</v>
      </c>
      <c r="J441" s="14">
        <v>44372</v>
      </c>
      <c r="K441" s="14">
        <v>45467</v>
      </c>
      <c r="L441" s="15"/>
    </row>
    <row r="442" spans="1:12" x14ac:dyDescent="0.3">
      <c r="A442" s="2">
        <v>439</v>
      </c>
      <c r="B442" s="3" t="s">
        <v>1265</v>
      </c>
      <c r="C442" s="13" t="s">
        <v>62</v>
      </c>
      <c r="D442" s="1" t="s">
        <v>51</v>
      </c>
      <c r="E442" s="1" t="s">
        <v>636</v>
      </c>
      <c r="F442" s="1" t="s">
        <v>144</v>
      </c>
      <c r="G442" s="2">
        <v>470</v>
      </c>
      <c r="H442" s="4">
        <v>741.33</v>
      </c>
      <c r="I442" s="2" t="s">
        <v>45</v>
      </c>
      <c r="J442" s="14">
        <v>44372</v>
      </c>
      <c r="K442" s="14">
        <v>45467</v>
      </c>
      <c r="L442" s="15"/>
    </row>
    <row r="443" spans="1:12" x14ac:dyDescent="0.3">
      <c r="A443" s="2">
        <v>440</v>
      </c>
      <c r="B443" s="3" t="s">
        <v>1266</v>
      </c>
      <c r="C443" s="13" t="s">
        <v>62</v>
      </c>
      <c r="D443" s="1" t="s">
        <v>51</v>
      </c>
      <c r="E443" s="1" t="s">
        <v>637</v>
      </c>
      <c r="F443" s="1" t="s">
        <v>145</v>
      </c>
      <c r="G443" s="2">
        <v>475</v>
      </c>
      <c r="H443" s="4">
        <v>733.53</v>
      </c>
      <c r="I443" s="2" t="s">
        <v>45</v>
      </c>
      <c r="J443" s="14">
        <v>44372</v>
      </c>
      <c r="K443" s="14">
        <v>45467</v>
      </c>
      <c r="L443" s="15"/>
    </row>
    <row r="444" spans="1:12" x14ac:dyDescent="0.3">
      <c r="A444" s="2">
        <v>441</v>
      </c>
      <c r="B444" s="3" t="s">
        <v>1267</v>
      </c>
      <c r="C444" s="13" t="s">
        <v>62</v>
      </c>
      <c r="D444" s="1" t="s">
        <v>51</v>
      </c>
      <c r="E444" s="1" t="s">
        <v>634</v>
      </c>
      <c r="F444" s="1" t="s">
        <v>146</v>
      </c>
      <c r="G444" s="2">
        <v>485</v>
      </c>
      <c r="H444" s="4">
        <v>626.35</v>
      </c>
      <c r="I444" s="2" t="s">
        <v>45</v>
      </c>
      <c r="J444" s="14">
        <v>44372</v>
      </c>
      <c r="K444" s="14">
        <v>45467</v>
      </c>
      <c r="L444" s="15"/>
    </row>
    <row r="445" spans="1:12" x14ac:dyDescent="0.3">
      <c r="A445" s="2">
        <v>442</v>
      </c>
      <c r="B445" s="3" t="s">
        <v>1268</v>
      </c>
      <c r="C445" s="13" t="s">
        <v>62</v>
      </c>
      <c r="D445" s="1" t="s">
        <v>51</v>
      </c>
      <c r="E445" s="1" t="s">
        <v>634</v>
      </c>
      <c r="F445" s="1" t="s">
        <v>147</v>
      </c>
      <c r="G445" s="2">
        <v>485</v>
      </c>
      <c r="H445" s="4">
        <v>710.68</v>
      </c>
      <c r="I445" s="2" t="s">
        <v>45</v>
      </c>
      <c r="J445" s="14">
        <v>44372</v>
      </c>
      <c r="K445" s="14">
        <v>45467</v>
      </c>
      <c r="L445" s="15"/>
    </row>
    <row r="446" spans="1:12" x14ac:dyDescent="0.3">
      <c r="A446" s="2">
        <v>443</v>
      </c>
      <c r="B446" s="3" t="s">
        <v>1269</v>
      </c>
      <c r="C446" s="13" t="s">
        <v>62</v>
      </c>
      <c r="D446" s="1" t="s">
        <v>51</v>
      </c>
      <c r="E446" s="1" t="s">
        <v>1270</v>
      </c>
      <c r="F446" s="1" t="s">
        <v>148</v>
      </c>
      <c r="G446" s="2">
        <v>465</v>
      </c>
      <c r="H446" s="4">
        <v>625.74</v>
      </c>
      <c r="I446" s="2" t="s">
        <v>45</v>
      </c>
      <c r="J446" s="14">
        <v>44372</v>
      </c>
      <c r="K446" s="14">
        <v>45467</v>
      </c>
      <c r="L446" s="15"/>
    </row>
    <row r="447" spans="1:12" x14ac:dyDescent="0.3">
      <c r="A447" s="2">
        <v>444</v>
      </c>
      <c r="B447" s="3" t="s">
        <v>1271</v>
      </c>
      <c r="C447" s="13" t="s">
        <v>62</v>
      </c>
      <c r="D447" s="1" t="s">
        <v>51</v>
      </c>
      <c r="E447" s="1" t="s">
        <v>1270</v>
      </c>
      <c r="F447" s="1" t="s">
        <v>149</v>
      </c>
      <c r="G447" s="2">
        <v>465</v>
      </c>
      <c r="H447" s="4">
        <v>709.47</v>
      </c>
      <c r="I447" s="2" t="s">
        <v>45</v>
      </c>
      <c r="J447" s="14">
        <v>44372</v>
      </c>
      <c r="K447" s="14">
        <v>45467</v>
      </c>
      <c r="L447" s="15"/>
    </row>
    <row r="448" spans="1:12" x14ac:dyDescent="0.3">
      <c r="A448" s="2">
        <v>445</v>
      </c>
      <c r="B448" s="3" t="s">
        <v>1272</v>
      </c>
      <c r="C448" s="13" t="s">
        <v>62</v>
      </c>
      <c r="D448" s="1" t="s">
        <v>51</v>
      </c>
      <c r="E448" s="1" t="s">
        <v>1273</v>
      </c>
      <c r="F448" s="1" t="s">
        <v>580</v>
      </c>
      <c r="G448" s="2">
        <v>460</v>
      </c>
      <c r="H448" s="4">
        <v>629.25</v>
      </c>
      <c r="I448" s="2" t="s">
        <v>45</v>
      </c>
      <c r="J448" s="14">
        <v>44372</v>
      </c>
      <c r="K448" s="14">
        <v>45467</v>
      </c>
      <c r="L448" s="15"/>
    </row>
    <row r="449" spans="1:12" x14ac:dyDescent="0.3">
      <c r="A449" s="2">
        <v>446</v>
      </c>
      <c r="B449" s="3" t="s">
        <v>1274</v>
      </c>
      <c r="C449" s="13" t="s">
        <v>62</v>
      </c>
      <c r="D449" s="1" t="s">
        <v>51</v>
      </c>
      <c r="E449" s="1" t="s">
        <v>1273</v>
      </c>
      <c r="F449" s="1" t="s">
        <v>581</v>
      </c>
      <c r="G449" s="2">
        <v>460</v>
      </c>
      <c r="H449" s="4">
        <v>713.9</v>
      </c>
      <c r="I449" s="2" t="s">
        <v>45</v>
      </c>
      <c r="J449" s="14">
        <v>44372</v>
      </c>
      <c r="K449" s="14">
        <v>45467</v>
      </c>
      <c r="L449" s="15"/>
    </row>
    <row r="450" spans="1:12" x14ac:dyDescent="0.3">
      <c r="A450" s="2">
        <v>447</v>
      </c>
      <c r="B450" s="3" t="s">
        <v>1275</v>
      </c>
      <c r="C450" s="13" t="s">
        <v>62</v>
      </c>
      <c r="D450" s="1" t="s">
        <v>54</v>
      </c>
      <c r="E450" s="1" t="s">
        <v>639</v>
      </c>
      <c r="F450" s="1" t="s">
        <v>150</v>
      </c>
      <c r="G450" s="2">
        <v>435</v>
      </c>
      <c r="H450" s="4">
        <v>623.88</v>
      </c>
      <c r="I450" s="2" t="s">
        <v>45</v>
      </c>
      <c r="J450" s="14">
        <v>44372</v>
      </c>
      <c r="K450" s="14">
        <v>45467</v>
      </c>
      <c r="L450" s="15"/>
    </row>
    <row r="451" spans="1:12" x14ac:dyDescent="0.3">
      <c r="A451" s="2">
        <v>448</v>
      </c>
      <c r="B451" s="3" t="s">
        <v>1276</v>
      </c>
      <c r="C451" s="13" t="s">
        <v>62</v>
      </c>
      <c r="D451" s="1" t="s">
        <v>54</v>
      </c>
      <c r="E451" s="1" t="s">
        <v>639</v>
      </c>
      <c r="F451" s="1" t="s">
        <v>151</v>
      </c>
      <c r="G451" s="2">
        <v>435</v>
      </c>
      <c r="H451" s="4">
        <v>707.08</v>
      </c>
      <c r="I451" s="2" t="s">
        <v>45</v>
      </c>
      <c r="J451" s="14">
        <v>44372</v>
      </c>
      <c r="K451" s="14">
        <v>45467</v>
      </c>
      <c r="L451" s="15"/>
    </row>
    <row r="452" spans="1:12" x14ac:dyDescent="0.3">
      <c r="A452" s="2">
        <v>449</v>
      </c>
      <c r="B452" s="3" t="s">
        <v>1277</v>
      </c>
      <c r="C452" s="13" t="s">
        <v>62</v>
      </c>
      <c r="D452" s="1" t="s">
        <v>54</v>
      </c>
      <c r="E452" s="1" t="s">
        <v>1278</v>
      </c>
      <c r="F452" s="1" t="s">
        <v>582</v>
      </c>
      <c r="G452" s="2">
        <v>435</v>
      </c>
      <c r="H452" s="4">
        <v>722.56</v>
      </c>
      <c r="I452" s="2" t="s">
        <v>45</v>
      </c>
      <c r="J452" s="14">
        <v>44372</v>
      </c>
      <c r="K452" s="14">
        <v>45467</v>
      </c>
      <c r="L452" s="15"/>
    </row>
    <row r="453" spans="1:12" x14ac:dyDescent="0.3">
      <c r="A453" s="2">
        <v>450</v>
      </c>
      <c r="B453" s="3" t="s">
        <v>1279</v>
      </c>
      <c r="C453" s="13" t="s">
        <v>112</v>
      </c>
      <c r="D453" s="1" t="s">
        <v>137</v>
      </c>
      <c r="E453" s="1" t="s">
        <v>1280</v>
      </c>
      <c r="F453" s="1" t="s">
        <v>152</v>
      </c>
      <c r="G453" s="2">
        <v>550</v>
      </c>
      <c r="H453" s="4">
        <v>793.64</v>
      </c>
      <c r="I453" s="2" t="s">
        <v>45</v>
      </c>
      <c r="J453" s="14">
        <v>44372</v>
      </c>
      <c r="K453" s="14">
        <v>45467</v>
      </c>
      <c r="L453" s="15"/>
    </row>
    <row r="454" spans="1:12" x14ac:dyDescent="0.3">
      <c r="A454" s="2">
        <v>451</v>
      </c>
      <c r="B454" s="3" t="s">
        <v>1281</v>
      </c>
      <c r="C454" s="13" t="s">
        <v>880</v>
      </c>
      <c r="D454" s="1" t="s">
        <v>56</v>
      </c>
      <c r="E454" s="1" t="s">
        <v>1202</v>
      </c>
      <c r="F454" s="1" t="s">
        <v>583</v>
      </c>
      <c r="G454" s="2">
        <v>425</v>
      </c>
      <c r="H454" s="4">
        <v>790.8</v>
      </c>
      <c r="I454" s="2" t="s">
        <v>45</v>
      </c>
      <c r="J454" s="14">
        <v>44372</v>
      </c>
      <c r="K454" s="14">
        <v>45467</v>
      </c>
      <c r="L454" s="15"/>
    </row>
    <row r="455" spans="1:12" x14ac:dyDescent="0.3">
      <c r="A455" s="2">
        <v>452</v>
      </c>
      <c r="B455" s="3" t="s">
        <v>1282</v>
      </c>
      <c r="C455" s="13" t="s">
        <v>880</v>
      </c>
      <c r="D455" s="1" t="s">
        <v>56</v>
      </c>
      <c r="E455" s="1" t="s">
        <v>1200</v>
      </c>
      <c r="F455" s="1" t="s">
        <v>584</v>
      </c>
      <c r="G455" s="2">
        <v>430</v>
      </c>
      <c r="H455" s="4">
        <v>781.6</v>
      </c>
      <c r="I455" s="2" t="s">
        <v>45</v>
      </c>
      <c r="J455" s="14">
        <v>44372</v>
      </c>
      <c r="K455" s="14">
        <v>45467</v>
      </c>
      <c r="L455" s="15"/>
    </row>
    <row r="456" spans="1:12" x14ac:dyDescent="0.3">
      <c r="A456" s="2">
        <v>453</v>
      </c>
      <c r="B456" s="3" t="s">
        <v>1283</v>
      </c>
      <c r="C456" s="13" t="s">
        <v>880</v>
      </c>
      <c r="D456" s="1" t="s">
        <v>56</v>
      </c>
      <c r="E456" s="1" t="s">
        <v>1198</v>
      </c>
      <c r="F456" s="1" t="s">
        <v>585</v>
      </c>
      <c r="G456" s="2">
        <v>435</v>
      </c>
      <c r="H456" s="4">
        <v>772.62</v>
      </c>
      <c r="I456" s="2" t="s">
        <v>45</v>
      </c>
      <c r="J456" s="14">
        <v>44372</v>
      </c>
      <c r="K456" s="14">
        <v>45467</v>
      </c>
      <c r="L456" s="15"/>
    </row>
    <row r="457" spans="1:12" x14ac:dyDescent="0.3">
      <c r="A457" s="2">
        <v>454</v>
      </c>
      <c r="B457" s="3" t="s">
        <v>1284</v>
      </c>
      <c r="C457" s="13" t="s">
        <v>880</v>
      </c>
      <c r="D457" s="1" t="s">
        <v>56</v>
      </c>
      <c r="E457" s="1" t="s">
        <v>1196</v>
      </c>
      <c r="F457" s="1" t="s">
        <v>586</v>
      </c>
      <c r="G457" s="2">
        <v>440</v>
      </c>
      <c r="H457" s="4">
        <v>763.84</v>
      </c>
      <c r="I457" s="2" t="s">
        <v>45</v>
      </c>
      <c r="J457" s="14">
        <v>44372</v>
      </c>
      <c r="K457" s="14">
        <v>45467</v>
      </c>
      <c r="L457" s="15"/>
    </row>
    <row r="458" spans="1:12" x14ac:dyDescent="0.3">
      <c r="A458" s="2">
        <v>455</v>
      </c>
      <c r="B458" s="3" t="s">
        <v>1285</v>
      </c>
      <c r="C458" s="13" t="s">
        <v>880</v>
      </c>
      <c r="D458" s="1" t="s">
        <v>56</v>
      </c>
      <c r="E458" s="1" t="s">
        <v>1194</v>
      </c>
      <c r="F458" s="1" t="s">
        <v>587</v>
      </c>
      <c r="G458" s="2">
        <v>445</v>
      </c>
      <c r="H458" s="4">
        <v>755.26</v>
      </c>
      <c r="I458" s="2" t="s">
        <v>45</v>
      </c>
      <c r="J458" s="14">
        <v>44372</v>
      </c>
      <c r="K458" s="14">
        <v>45467</v>
      </c>
      <c r="L458" s="15"/>
    </row>
    <row r="459" spans="1:12" x14ac:dyDescent="0.3">
      <c r="A459" s="2">
        <v>456</v>
      </c>
      <c r="B459" s="3" t="s">
        <v>1286</v>
      </c>
      <c r="C459" s="13" t="s">
        <v>880</v>
      </c>
      <c r="D459" s="1" t="s">
        <v>56</v>
      </c>
      <c r="E459" s="1" t="s">
        <v>1192</v>
      </c>
      <c r="F459" s="1" t="s">
        <v>588</v>
      </c>
      <c r="G459" s="2">
        <v>450</v>
      </c>
      <c r="H459" s="4">
        <v>746.87</v>
      </c>
      <c r="I459" s="2" t="s">
        <v>45</v>
      </c>
      <c r="J459" s="14">
        <v>44372</v>
      </c>
      <c r="K459" s="14">
        <v>45467</v>
      </c>
      <c r="L459" s="15"/>
    </row>
    <row r="460" spans="1:12" x14ac:dyDescent="0.3">
      <c r="A460" s="2">
        <v>457</v>
      </c>
      <c r="B460" s="3" t="s">
        <v>1287</v>
      </c>
      <c r="C460" s="13" t="s">
        <v>880</v>
      </c>
      <c r="D460" s="1" t="s">
        <v>56</v>
      </c>
      <c r="E460" s="1" t="s">
        <v>1202</v>
      </c>
      <c r="F460" s="1" t="s">
        <v>153</v>
      </c>
      <c r="G460" s="2">
        <v>425</v>
      </c>
      <c r="H460" s="4">
        <v>772.18</v>
      </c>
      <c r="I460" s="2" t="s">
        <v>45</v>
      </c>
      <c r="J460" s="14">
        <v>44372</v>
      </c>
      <c r="K460" s="14">
        <v>45467</v>
      </c>
      <c r="L460" s="15"/>
    </row>
    <row r="461" spans="1:12" x14ac:dyDescent="0.3">
      <c r="A461" s="2">
        <v>458</v>
      </c>
      <c r="B461" s="3" t="s">
        <v>1288</v>
      </c>
      <c r="C461" s="13" t="s">
        <v>880</v>
      </c>
      <c r="D461" s="1" t="s">
        <v>56</v>
      </c>
      <c r="E461" s="1" t="s">
        <v>1200</v>
      </c>
      <c r="F461" s="1" t="s">
        <v>154</v>
      </c>
      <c r="G461" s="2">
        <v>430</v>
      </c>
      <c r="H461" s="4">
        <v>763.2</v>
      </c>
      <c r="I461" s="2" t="s">
        <v>45</v>
      </c>
      <c r="J461" s="14">
        <v>44372</v>
      </c>
      <c r="K461" s="14">
        <v>45467</v>
      </c>
      <c r="L461" s="15"/>
    </row>
    <row r="462" spans="1:12" x14ac:dyDescent="0.3">
      <c r="A462" s="2">
        <v>459</v>
      </c>
      <c r="B462" s="3" t="s">
        <v>1289</v>
      </c>
      <c r="C462" s="13" t="s">
        <v>880</v>
      </c>
      <c r="D462" s="1" t="s">
        <v>56</v>
      </c>
      <c r="E462" s="1" t="s">
        <v>1198</v>
      </c>
      <c r="F462" s="1" t="s">
        <v>155</v>
      </c>
      <c r="G462" s="2">
        <v>435</v>
      </c>
      <c r="H462" s="4">
        <v>754.43</v>
      </c>
      <c r="I462" s="2" t="s">
        <v>45</v>
      </c>
      <c r="J462" s="14">
        <v>44372</v>
      </c>
      <c r="K462" s="14">
        <v>45467</v>
      </c>
      <c r="L462" s="15"/>
    </row>
    <row r="463" spans="1:12" x14ac:dyDescent="0.3">
      <c r="A463" s="2">
        <v>460</v>
      </c>
      <c r="B463" s="3" t="s">
        <v>1290</v>
      </c>
      <c r="C463" s="13" t="s">
        <v>880</v>
      </c>
      <c r="D463" s="1" t="s">
        <v>56</v>
      </c>
      <c r="E463" s="1" t="s">
        <v>1196</v>
      </c>
      <c r="F463" s="1" t="s">
        <v>158</v>
      </c>
      <c r="G463" s="2">
        <v>440</v>
      </c>
      <c r="H463" s="4">
        <v>745.86</v>
      </c>
      <c r="I463" s="2" t="s">
        <v>45</v>
      </c>
      <c r="J463" s="14">
        <v>44372</v>
      </c>
      <c r="K463" s="14">
        <v>45467</v>
      </c>
      <c r="L463" s="15"/>
    </row>
    <row r="464" spans="1:12" x14ac:dyDescent="0.3">
      <c r="A464" s="2">
        <v>461</v>
      </c>
      <c r="B464" s="3" t="s">
        <v>1291</v>
      </c>
      <c r="C464" s="13" t="s">
        <v>880</v>
      </c>
      <c r="D464" s="1" t="s">
        <v>56</v>
      </c>
      <c r="E464" s="1" t="s">
        <v>1194</v>
      </c>
      <c r="F464" s="1" t="s">
        <v>156</v>
      </c>
      <c r="G464" s="2">
        <v>445</v>
      </c>
      <c r="H464" s="4">
        <v>737.47</v>
      </c>
      <c r="I464" s="2" t="s">
        <v>45</v>
      </c>
      <c r="J464" s="14">
        <v>44372</v>
      </c>
      <c r="K464" s="14">
        <v>45467</v>
      </c>
      <c r="L464" s="15"/>
    </row>
    <row r="465" spans="1:12" x14ac:dyDescent="0.3">
      <c r="A465" s="2">
        <v>462</v>
      </c>
      <c r="B465" s="3" t="s">
        <v>1292</v>
      </c>
      <c r="C465" s="13" t="s">
        <v>880</v>
      </c>
      <c r="D465" s="1" t="s">
        <v>56</v>
      </c>
      <c r="E465" s="1" t="s">
        <v>1192</v>
      </c>
      <c r="F465" s="1" t="s">
        <v>157</v>
      </c>
      <c r="G465" s="2">
        <v>450</v>
      </c>
      <c r="H465" s="4">
        <v>729.28</v>
      </c>
      <c r="I465" s="2" t="s">
        <v>45</v>
      </c>
      <c r="J465" s="14">
        <v>44372</v>
      </c>
      <c r="K465" s="14">
        <v>45467</v>
      </c>
      <c r="L465" s="15"/>
    </row>
    <row r="466" spans="1:12" x14ac:dyDescent="0.3">
      <c r="A466" s="2">
        <v>463</v>
      </c>
      <c r="B466" s="3" t="s">
        <v>1293</v>
      </c>
      <c r="C466" s="13" t="s">
        <v>880</v>
      </c>
      <c r="D466" s="1" t="s">
        <v>56</v>
      </c>
      <c r="E466" s="1" t="s">
        <v>1217</v>
      </c>
      <c r="F466" s="1" t="s">
        <v>589</v>
      </c>
      <c r="G466" s="2">
        <v>425</v>
      </c>
      <c r="H466" s="4">
        <v>774.2</v>
      </c>
      <c r="I466" s="2" t="s">
        <v>45</v>
      </c>
      <c r="J466" s="14">
        <v>44372</v>
      </c>
      <c r="K466" s="14">
        <v>45467</v>
      </c>
      <c r="L466" s="15"/>
    </row>
    <row r="467" spans="1:12" x14ac:dyDescent="0.3">
      <c r="A467" s="2">
        <v>464</v>
      </c>
      <c r="B467" s="3" t="s">
        <v>1294</v>
      </c>
      <c r="C467" s="13" t="s">
        <v>880</v>
      </c>
      <c r="D467" s="1" t="s">
        <v>56</v>
      </c>
      <c r="E467" s="1" t="s">
        <v>1219</v>
      </c>
      <c r="F467" s="1" t="s">
        <v>590</v>
      </c>
      <c r="G467" s="2">
        <v>430</v>
      </c>
      <c r="H467" s="4">
        <v>765.19</v>
      </c>
      <c r="I467" s="2" t="s">
        <v>45</v>
      </c>
      <c r="J467" s="14">
        <v>44372</v>
      </c>
      <c r="K467" s="14">
        <v>45467</v>
      </c>
      <c r="L467" s="15"/>
    </row>
    <row r="468" spans="1:12" x14ac:dyDescent="0.3">
      <c r="A468" s="2">
        <v>465</v>
      </c>
      <c r="B468" s="3" t="s">
        <v>1295</v>
      </c>
      <c r="C468" s="13" t="s">
        <v>880</v>
      </c>
      <c r="D468" s="1" t="s">
        <v>56</v>
      </c>
      <c r="E468" s="1" t="s">
        <v>1221</v>
      </c>
      <c r="F468" s="1" t="s">
        <v>591</v>
      </c>
      <c r="G468" s="2">
        <v>435</v>
      </c>
      <c r="H468" s="4">
        <v>756.4</v>
      </c>
      <c r="I468" s="2" t="s">
        <v>45</v>
      </c>
      <c r="J468" s="14">
        <v>44372</v>
      </c>
      <c r="K468" s="14">
        <v>45467</v>
      </c>
      <c r="L468" s="15"/>
    </row>
    <row r="469" spans="1:12" x14ac:dyDescent="0.3">
      <c r="A469" s="2">
        <v>466</v>
      </c>
      <c r="B469" s="3" t="s">
        <v>1296</v>
      </c>
      <c r="C469" s="13" t="s">
        <v>880</v>
      </c>
      <c r="D469" s="1" t="s">
        <v>56</v>
      </c>
      <c r="E469" s="1" t="s">
        <v>1223</v>
      </c>
      <c r="F469" s="1" t="s">
        <v>592</v>
      </c>
      <c r="G469" s="2">
        <v>440</v>
      </c>
      <c r="H469" s="4">
        <v>747.8</v>
      </c>
      <c r="I469" s="2" t="s">
        <v>45</v>
      </c>
      <c r="J469" s="14">
        <v>44372</v>
      </c>
      <c r="K469" s="14">
        <v>45467</v>
      </c>
      <c r="L469" s="15"/>
    </row>
    <row r="470" spans="1:12" x14ac:dyDescent="0.3">
      <c r="A470" s="2">
        <v>467</v>
      </c>
      <c r="B470" s="3" t="s">
        <v>1297</v>
      </c>
      <c r="C470" s="13" t="s">
        <v>880</v>
      </c>
      <c r="D470" s="1" t="s">
        <v>56</v>
      </c>
      <c r="E470" s="1" t="s">
        <v>1225</v>
      </c>
      <c r="F470" s="1" t="s">
        <v>593</v>
      </c>
      <c r="G470" s="2">
        <v>445</v>
      </c>
      <c r="H470" s="4">
        <v>739.4</v>
      </c>
      <c r="I470" s="2" t="s">
        <v>45</v>
      </c>
      <c r="J470" s="14">
        <v>44372</v>
      </c>
      <c r="K470" s="14">
        <v>45467</v>
      </c>
      <c r="L470" s="15"/>
    </row>
    <row r="471" spans="1:12" x14ac:dyDescent="0.3">
      <c r="A471" s="2">
        <v>468</v>
      </c>
      <c r="B471" s="3" t="s">
        <v>1298</v>
      </c>
      <c r="C471" s="13" t="s">
        <v>880</v>
      </c>
      <c r="D471" s="1" t="s">
        <v>56</v>
      </c>
      <c r="E471" s="1" t="s">
        <v>1227</v>
      </c>
      <c r="F471" s="1" t="s">
        <v>594</v>
      </c>
      <c r="G471" s="2">
        <v>450</v>
      </c>
      <c r="H471" s="4">
        <v>731.19</v>
      </c>
      <c r="I471" s="2" t="s">
        <v>45</v>
      </c>
      <c r="J471" s="14">
        <v>44372</v>
      </c>
      <c r="K471" s="14">
        <v>45467</v>
      </c>
      <c r="L471" s="15"/>
    </row>
    <row r="472" spans="1:12" x14ac:dyDescent="0.3">
      <c r="A472" s="2">
        <v>469</v>
      </c>
      <c r="B472" s="3" t="s">
        <v>1299</v>
      </c>
      <c r="C472" s="13" t="s">
        <v>880</v>
      </c>
      <c r="D472" s="1" t="s">
        <v>56</v>
      </c>
      <c r="E472" s="1" t="s">
        <v>1217</v>
      </c>
      <c r="F472" s="1" t="s">
        <v>595</v>
      </c>
      <c r="G472" s="2">
        <v>425</v>
      </c>
      <c r="H472" s="4">
        <v>664</v>
      </c>
      <c r="I472" s="2" t="s">
        <v>45</v>
      </c>
      <c r="J472" s="14">
        <v>44372</v>
      </c>
      <c r="K472" s="14">
        <v>45467</v>
      </c>
      <c r="L472" s="15"/>
    </row>
    <row r="473" spans="1:12" x14ac:dyDescent="0.3">
      <c r="A473" s="2">
        <v>470</v>
      </c>
      <c r="B473" s="3" t="s">
        <v>1300</v>
      </c>
      <c r="C473" s="13" t="s">
        <v>880</v>
      </c>
      <c r="D473" s="1" t="s">
        <v>56</v>
      </c>
      <c r="E473" s="1" t="s">
        <v>1219</v>
      </c>
      <c r="F473" s="1" t="s">
        <v>596</v>
      </c>
      <c r="G473" s="2">
        <v>430</v>
      </c>
      <c r="H473" s="4">
        <v>656.28</v>
      </c>
      <c r="I473" s="2" t="s">
        <v>45</v>
      </c>
      <c r="J473" s="14">
        <v>44372</v>
      </c>
      <c r="K473" s="14">
        <v>45467</v>
      </c>
      <c r="L473" s="15"/>
    </row>
    <row r="474" spans="1:12" x14ac:dyDescent="0.3">
      <c r="A474" s="2">
        <v>471</v>
      </c>
      <c r="B474" s="3" t="s">
        <v>1301</v>
      </c>
      <c r="C474" s="13" t="s">
        <v>880</v>
      </c>
      <c r="D474" s="1" t="s">
        <v>56</v>
      </c>
      <c r="E474" s="1" t="s">
        <v>1221</v>
      </c>
      <c r="F474" s="1" t="s">
        <v>597</v>
      </c>
      <c r="G474" s="2">
        <v>435</v>
      </c>
      <c r="H474" s="4">
        <v>648.74</v>
      </c>
      <c r="I474" s="2" t="s">
        <v>45</v>
      </c>
      <c r="J474" s="14">
        <v>44372</v>
      </c>
      <c r="K474" s="14">
        <v>45467</v>
      </c>
      <c r="L474" s="15"/>
    </row>
    <row r="475" spans="1:12" x14ac:dyDescent="0.3">
      <c r="A475" s="2">
        <v>472</v>
      </c>
      <c r="B475" s="3" t="s">
        <v>1302</v>
      </c>
      <c r="C475" s="13" t="s">
        <v>880</v>
      </c>
      <c r="D475" s="1" t="s">
        <v>56</v>
      </c>
      <c r="E475" s="1" t="s">
        <v>1223</v>
      </c>
      <c r="F475" s="1" t="s">
        <v>598</v>
      </c>
      <c r="G475" s="2">
        <v>440</v>
      </c>
      <c r="H475" s="4">
        <v>641.36</v>
      </c>
      <c r="I475" s="2" t="s">
        <v>45</v>
      </c>
      <c r="J475" s="14">
        <v>44372</v>
      </c>
      <c r="K475" s="14">
        <v>45467</v>
      </c>
      <c r="L475" s="15"/>
    </row>
    <row r="476" spans="1:12" x14ac:dyDescent="0.3">
      <c r="A476" s="2">
        <v>473</v>
      </c>
      <c r="B476" s="3" t="s">
        <v>1303</v>
      </c>
      <c r="C476" s="13" t="s">
        <v>880</v>
      </c>
      <c r="D476" s="1" t="s">
        <v>56</v>
      </c>
      <c r="E476" s="1" t="s">
        <v>1225</v>
      </c>
      <c r="F476" s="1" t="s">
        <v>599</v>
      </c>
      <c r="G476" s="2">
        <v>445</v>
      </c>
      <c r="H476" s="4">
        <v>634.16</v>
      </c>
      <c r="I476" s="2" t="s">
        <v>45</v>
      </c>
      <c r="J476" s="14">
        <v>44372</v>
      </c>
      <c r="K476" s="14">
        <v>45467</v>
      </c>
      <c r="L476" s="15"/>
    </row>
    <row r="477" spans="1:12" x14ac:dyDescent="0.3">
      <c r="A477" s="2">
        <v>474</v>
      </c>
      <c r="B477" s="3" t="s">
        <v>1304</v>
      </c>
      <c r="C477" s="13" t="s">
        <v>880</v>
      </c>
      <c r="D477" s="1" t="s">
        <v>56</v>
      </c>
      <c r="E477" s="1" t="s">
        <v>1227</v>
      </c>
      <c r="F477" s="1" t="s">
        <v>600</v>
      </c>
      <c r="G477" s="2">
        <v>450</v>
      </c>
      <c r="H477" s="4">
        <v>711</v>
      </c>
      <c r="I477" s="2" t="s">
        <v>45</v>
      </c>
      <c r="J477" s="14">
        <v>44372</v>
      </c>
      <c r="K477" s="14">
        <v>45467</v>
      </c>
      <c r="L477" s="15"/>
    </row>
    <row r="478" spans="1:12" x14ac:dyDescent="0.3">
      <c r="A478" s="2">
        <v>475</v>
      </c>
      <c r="B478" s="3" t="s">
        <v>1305</v>
      </c>
      <c r="C478" s="13" t="s">
        <v>880</v>
      </c>
      <c r="D478" s="1" t="s">
        <v>56</v>
      </c>
      <c r="E478" s="1" t="s">
        <v>1217</v>
      </c>
      <c r="F478" s="1" t="s">
        <v>601</v>
      </c>
      <c r="G478" s="2">
        <v>425</v>
      </c>
      <c r="H478" s="4">
        <v>755.58</v>
      </c>
      <c r="I478" s="2" t="s">
        <v>45</v>
      </c>
      <c r="J478" s="14">
        <v>44372</v>
      </c>
      <c r="K478" s="14">
        <v>45467</v>
      </c>
      <c r="L478" s="15"/>
    </row>
    <row r="479" spans="1:12" x14ac:dyDescent="0.3">
      <c r="A479" s="2">
        <v>476</v>
      </c>
      <c r="B479" s="3" t="s">
        <v>1306</v>
      </c>
      <c r="C479" s="13" t="s">
        <v>880</v>
      </c>
      <c r="D479" s="1" t="s">
        <v>56</v>
      </c>
      <c r="E479" s="1" t="s">
        <v>1219</v>
      </c>
      <c r="F479" s="1" t="s">
        <v>602</v>
      </c>
      <c r="G479" s="2">
        <v>430</v>
      </c>
      <c r="H479" s="4">
        <v>746.79</v>
      </c>
      <c r="I479" s="2" t="s">
        <v>45</v>
      </c>
      <c r="J479" s="14">
        <v>44372</v>
      </c>
      <c r="K479" s="14">
        <v>45467</v>
      </c>
      <c r="L479" s="15"/>
    </row>
    <row r="480" spans="1:12" x14ac:dyDescent="0.3">
      <c r="A480" s="2">
        <v>477</v>
      </c>
      <c r="B480" s="3" t="s">
        <v>1307</v>
      </c>
      <c r="C480" s="13" t="s">
        <v>880</v>
      </c>
      <c r="D480" s="1" t="s">
        <v>56</v>
      </c>
      <c r="E480" s="1" t="s">
        <v>1221</v>
      </c>
      <c r="F480" s="1" t="s">
        <v>603</v>
      </c>
      <c r="G480" s="2">
        <v>435</v>
      </c>
      <c r="H480" s="4">
        <v>738.21</v>
      </c>
      <c r="I480" s="2" t="s">
        <v>45</v>
      </c>
      <c r="J480" s="14">
        <v>44372</v>
      </c>
      <c r="K480" s="14">
        <v>45467</v>
      </c>
      <c r="L480" s="15"/>
    </row>
    <row r="481" spans="1:12" x14ac:dyDescent="0.3">
      <c r="A481" s="2">
        <v>478</v>
      </c>
      <c r="B481" s="3" t="s">
        <v>1308</v>
      </c>
      <c r="C481" s="13" t="s">
        <v>880</v>
      </c>
      <c r="D481" s="1" t="s">
        <v>56</v>
      </c>
      <c r="E481" s="1" t="s">
        <v>1223</v>
      </c>
      <c r="F481" s="1" t="s">
        <v>604</v>
      </c>
      <c r="G481" s="2">
        <v>440</v>
      </c>
      <c r="H481" s="4">
        <v>729.82</v>
      </c>
      <c r="I481" s="2" t="s">
        <v>45</v>
      </c>
      <c r="J481" s="14">
        <v>44372</v>
      </c>
      <c r="K481" s="14">
        <v>45467</v>
      </c>
      <c r="L481" s="15"/>
    </row>
    <row r="482" spans="1:12" x14ac:dyDescent="0.3">
      <c r="A482" s="2">
        <v>479</v>
      </c>
      <c r="B482" s="3" t="s">
        <v>1309</v>
      </c>
      <c r="C482" s="13" t="s">
        <v>880</v>
      </c>
      <c r="D482" s="1" t="s">
        <v>56</v>
      </c>
      <c r="E482" s="1" t="s">
        <v>1225</v>
      </c>
      <c r="F482" s="1" t="s">
        <v>605</v>
      </c>
      <c r="G482" s="2">
        <v>445</v>
      </c>
      <c r="H482" s="4">
        <v>721.62</v>
      </c>
      <c r="I482" s="2" t="s">
        <v>45</v>
      </c>
      <c r="J482" s="14">
        <v>44372</v>
      </c>
      <c r="K482" s="14">
        <v>45467</v>
      </c>
      <c r="L482" s="15"/>
    </row>
    <row r="483" spans="1:12" x14ac:dyDescent="0.3">
      <c r="A483" s="2">
        <v>480</v>
      </c>
      <c r="B483" s="3" t="s">
        <v>1310</v>
      </c>
      <c r="C483" s="13" t="s">
        <v>880</v>
      </c>
      <c r="D483" s="1" t="s">
        <v>56</v>
      </c>
      <c r="E483" s="1" t="s">
        <v>1227</v>
      </c>
      <c r="F483" s="1" t="s">
        <v>606</v>
      </c>
      <c r="G483" s="2">
        <v>450</v>
      </c>
      <c r="H483" s="4">
        <v>713.6</v>
      </c>
      <c r="I483" s="2" t="s">
        <v>45</v>
      </c>
      <c r="J483" s="14">
        <v>44372</v>
      </c>
      <c r="K483" s="14">
        <v>45467</v>
      </c>
      <c r="L483" s="15"/>
    </row>
    <row r="484" spans="1:12" x14ac:dyDescent="0.3">
      <c r="A484" s="2">
        <v>481</v>
      </c>
      <c r="B484" s="3" t="s">
        <v>1311</v>
      </c>
      <c r="C484" s="13" t="s">
        <v>880</v>
      </c>
      <c r="D484" s="1" t="s">
        <v>56</v>
      </c>
      <c r="E484" s="1" t="s">
        <v>1312</v>
      </c>
      <c r="F484" s="1" t="s">
        <v>607</v>
      </c>
      <c r="G484" s="2">
        <v>425</v>
      </c>
      <c r="H484" s="4">
        <v>790.53</v>
      </c>
      <c r="I484" s="2" t="s">
        <v>45</v>
      </c>
      <c r="J484" s="14">
        <v>44372</v>
      </c>
      <c r="K484" s="14">
        <v>45467</v>
      </c>
      <c r="L484" s="15"/>
    </row>
    <row r="485" spans="1:12" x14ac:dyDescent="0.3">
      <c r="A485" s="2">
        <v>482</v>
      </c>
      <c r="B485" s="3" t="s">
        <v>1313</v>
      </c>
      <c r="C485" s="13" t="s">
        <v>880</v>
      </c>
      <c r="D485" s="1" t="s">
        <v>56</v>
      </c>
      <c r="E485" s="1" t="s">
        <v>1314</v>
      </c>
      <c r="F485" s="1" t="s">
        <v>608</v>
      </c>
      <c r="G485" s="2">
        <v>430</v>
      </c>
      <c r="H485" s="4">
        <v>781.34</v>
      </c>
      <c r="I485" s="2" t="s">
        <v>45</v>
      </c>
      <c r="J485" s="14">
        <v>44372</v>
      </c>
      <c r="K485" s="14">
        <v>45467</v>
      </c>
      <c r="L485" s="15"/>
    </row>
    <row r="486" spans="1:12" x14ac:dyDescent="0.3">
      <c r="A486" s="2">
        <v>483</v>
      </c>
      <c r="B486" s="3" t="s">
        <v>1315</v>
      </c>
      <c r="C486" s="13" t="s">
        <v>880</v>
      </c>
      <c r="D486" s="1" t="s">
        <v>56</v>
      </c>
      <c r="E486" s="1" t="s">
        <v>1316</v>
      </c>
      <c r="F486" s="1" t="s">
        <v>609</v>
      </c>
      <c r="G486" s="2">
        <v>435</v>
      </c>
      <c r="H486" s="4">
        <v>772.35</v>
      </c>
      <c r="I486" s="2" t="s">
        <v>45</v>
      </c>
      <c r="J486" s="14">
        <v>44372</v>
      </c>
      <c r="K486" s="14">
        <v>45467</v>
      </c>
      <c r="L486" s="15"/>
    </row>
    <row r="487" spans="1:12" x14ac:dyDescent="0.3">
      <c r="A487" s="2">
        <v>484</v>
      </c>
      <c r="B487" s="3" t="s">
        <v>1317</v>
      </c>
      <c r="C487" s="13" t="s">
        <v>880</v>
      </c>
      <c r="D487" s="1" t="s">
        <v>56</v>
      </c>
      <c r="E487" s="1" t="s">
        <v>1318</v>
      </c>
      <c r="F487" s="1" t="s">
        <v>610</v>
      </c>
      <c r="G487" s="2">
        <v>440</v>
      </c>
      <c r="H487" s="4">
        <v>763.58</v>
      </c>
      <c r="I487" s="2" t="s">
        <v>45</v>
      </c>
      <c r="J487" s="14">
        <v>44372</v>
      </c>
      <c r="K487" s="14">
        <v>45467</v>
      </c>
      <c r="L487" s="15"/>
    </row>
    <row r="488" spans="1:12" x14ac:dyDescent="0.3">
      <c r="A488" s="2">
        <v>485</v>
      </c>
      <c r="B488" s="3" t="s">
        <v>1319</v>
      </c>
      <c r="C488" s="13" t="s">
        <v>880</v>
      </c>
      <c r="D488" s="1" t="s">
        <v>56</v>
      </c>
      <c r="E488" s="1" t="s">
        <v>1320</v>
      </c>
      <c r="F488" s="1" t="s">
        <v>611</v>
      </c>
      <c r="G488" s="2">
        <v>445</v>
      </c>
      <c r="H488" s="4">
        <v>755</v>
      </c>
      <c r="I488" s="2" t="s">
        <v>45</v>
      </c>
      <c r="J488" s="14">
        <v>44372</v>
      </c>
      <c r="K488" s="14">
        <v>45467</v>
      </c>
      <c r="L488" s="15"/>
    </row>
    <row r="489" spans="1:12" x14ac:dyDescent="0.3">
      <c r="A489" s="2">
        <v>486</v>
      </c>
      <c r="B489" s="3" t="s">
        <v>1321</v>
      </c>
      <c r="C489" s="13" t="s">
        <v>880</v>
      </c>
      <c r="D489" s="1" t="s">
        <v>56</v>
      </c>
      <c r="E489" s="1" t="s">
        <v>1322</v>
      </c>
      <c r="F489" s="1" t="s">
        <v>612</v>
      </c>
      <c r="G489" s="2">
        <v>450</v>
      </c>
      <c r="H489" s="4">
        <v>746.61</v>
      </c>
      <c r="I489" s="2" t="s">
        <v>45</v>
      </c>
      <c r="J489" s="14">
        <v>44372</v>
      </c>
      <c r="K489" s="14">
        <v>45467</v>
      </c>
      <c r="L489" s="15"/>
    </row>
    <row r="490" spans="1:12" x14ac:dyDescent="0.3">
      <c r="A490" s="2">
        <v>487</v>
      </c>
      <c r="B490" s="3" t="s">
        <v>1323</v>
      </c>
      <c r="C490" s="13" t="s">
        <v>880</v>
      </c>
      <c r="D490" s="1" t="s">
        <v>56</v>
      </c>
      <c r="E490" s="1" t="s">
        <v>1312</v>
      </c>
      <c r="F490" s="1" t="s">
        <v>613</v>
      </c>
      <c r="G490" s="2">
        <v>425</v>
      </c>
      <c r="H490" s="4">
        <v>680.33</v>
      </c>
      <c r="I490" s="2" t="s">
        <v>45</v>
      </c>
      <c r="J490" s="14">
        <v>44372</v>
      </c>
      <c r="K490" s="14">
        <v>45467</v>
      </c>
      <c r="L490" s="15"/>
    </row>
    <row r="491" spans="1:12" x14ac:dyDescent="0.3">
      <c r="A491" s="2">
        <v>488</v>
      </c>
      <c r="B491" s="3" t="s">
        <v>1324</v>
      </c>
      <c r="C491" s="13" t="s">
        <v>880</v>
      </c>
      <c r="D491" s="1" t="s">
        <v>56</v>
      </c>
      <c r="E491" s="1" t="s">
        <v>1314</v>
      </c>
      <c r="F491" s="1" t="s">
        <v>614</v>
      </c>
      <c r="G491" s="2">
        <v>430</v>
      </c>
      <c r="H491" s="4">
        <v>672.42</v>
      </c>
      <c r="I491" s="2" t="s">
        <v>45</v>
      </c>
      <c r="J491" s="14">
        <v>44372</v>
      </c>
      <c r="K491" s="14">
        <v>45467</v>
      </c>
      <c r="L491" s="15"/>
    </row>
    <row r="492" spans="1:12" x14ac:dyDescent="0.3">
      <c r="A492" s="2">
        <v>489</v>
      </c>
      <c r="B492" s="3" t="s">
        <v>1325</v>
      </c>
      <c r="C492" s="13" t="s">
        <v>880</v>
      </c>
      <c r="D492" s="1" t="s">
        <v>56</v>
      </c>
      <c r="E492" s="1" t="s">
        <v>1316</v>
      </c>
      <c r="F492" s="1" t="s">
        <v>615</v>
      </c>
      <c r="G492" s="2">
        <v>435</v>
      </c>
      <c r="H492" s="4">
        <v>664.69</v>
      </c>
      <c r="I492" s="2" t="s">
        <v>45</v>
      </c>
      <c r="J492" s="14">
        <v>44372</v>
      </c>
      <c r="K492" s="14">
        <v>45467</v>
      </c>
      <c r="L492" s="15"/>
    </row>
    <row r="493" spans="1:12" x14ac:dyDescent="0.3">
      <c r="A493" s="2">
        <v>490</v>
      </c>
      <c r="B493" s="3" t="s">
        <v>1326</v>
      </c>
      <c r="C493" s="13" t="s">
        <v>880</v>
      </c>
      <c r="D493" s="1" t="s">
        <v>56</v>
      </c>
      <c r="E493" s="1" t="s">
        <v>1318</v>
      </c>
      <c r="F493" s="1" t="s">
        <v>616</v>
      </c>
      <c r="G493" s="2">
        <v>440</v>
      </c>
      <c r="H493" s="4">
        <v>657.14</v>
      </c>
      <c r="I493" s="2" t="s">
        <v>45</v>
      </c>
      <c r="J493" s="14">
        <v>44372</v>
      </c>
      <c r="K493" s="14">
        <v>45467</v>
      </c>
      <c r="L493" s="15"/>
    </row>
    <row r="494" spans="1:12" x14ac:dyDescent="0.3">
      <c r="A494" s="2">
        <v>491</v>
      </c>
      <c r="B494" s="3" t="s">
        <v>1327</v>
      </c>
      <c r="C494" s="13" t="s">
        <v>880</v>
      </c>
      <c r="D494" s="1" t="s">
        <v>56</v>
      </c>
      <c r="E494" s="1" t="s">
        <v>1320</v>
      </c>
      <c r="F494" s="1" t="s">
        <v>617</v>
      </c>
      <c r="G494" s="2">
        <v>445</v>
      </c>
      <c r="H494" s="4">
        <v>649.76</v>
      </c>
      <c r="I494" s="2" t="s">
        <v>45</v>
      </c>
      <c r="J494" s="14">
        <v>44372</v>
      </c>
      <c r="K494" s="14">
        <v>45467</v>
      </c>
      <c r="L494" s="15"/>
    </row>
    <row r="495" spans="1:12" x14ac:dyDescent="0.3">
      <c r="A495" s="2">
        <v>492</v>
      </c>
      <c r="B495" s="3" t="s">
        <v>1328</v>
      </c>
      <c r="C495" s="13" t="s">
        <v>880</v>
      </c>
      <c r="D495" s="1" t="s">
        <v>56</v>
      </c>
      <c r="E495" s="1" t="s">
        <v>1322</v>
      </c>
      <c r="F495" s="1" t="s">
        <v>618</v>
      </c>
      <c r="G495" s="2">
        <v>450</v>
      </c>
      <c r="H495" s="4">
        <v>642.54</v>
      </c>
      <c r="I495" s="2" t="s">
        <v>45</v>
      </c>
      <c r="J495" s="14">
        <v>44372</v>
      </c>
      <c r="K495" s="14">
        <v>45467</v>
      </c>
      <c r="L495" s="15"/>
    </row>
    <row r="496" spans="1:12" x14ac:dyDescent="0.3">
      <c r="A496" s="2">
        <v>493</v>
      </c>
      <c r="B496" s="3" t="s">
        <v>1329</v>
      </c>
      <c r="C496" s="13" t="s">
        <v>880</v>
      </c>
      <c r="D496" s="1" t="s">
        <v>56</v>
      </c>
      <c r="E496" s="1" t="s">
        <v>1312</v>
      </c>
      <c r="F496" s="1" t="s">
        <v>619</v>
      </c>
      <c r="G496" s="2">
        <v>425</v>
      </c>
      <c r="H496" s="4">
        <v>771.91</v>
      </c>
      <c r="I496" s="2" t="s">
        <v>45</v>
      </c>
      <c r="J496" s="14">
        <v>44372</v>
      </c>
      <c r="K496" s="14">
        <v>45467</v>
      </c>
      <c r="L496" s="15"/>
    </row>
    <row r="497" spans="1:12" x14ac:dyDescent="0.3">
      <c r="A497" s="2">
        <v>494</v>
      </c>
      <c r="B497" s="3" t="s">
        <v>1330</v>
      </c>
      <c r="C497" s="13" t="s">
        <v>880</v>
      </c>
      <c r="D497" s="1" t="s">
        <v>56</v>
      </c>
      <c r="E497" s="1" t="s">
        <v>1314</v>
      </c>
      <c r="F497" s="1" t="s">
        <v>620</v>
      </c>
      <c r="G497" s="2">
        <v>430</v>
      </c>
      <c r="H497" s="4">
        <v>762.93</v>
      </c>
      <c r="I497" s="2" t="s">
        <v>45</v>
      </c>
      <c r="J497" s="14">
        <v>44372</v>
      </c>
      <c r="K497" s="14">
        <v>45467</v>
      </c>
      <c r="L497" s="15"/>
    </row>
    <row r="498" spans="1:12" x14ac:dyDescent="0.3">
      <c r="A498" s="2">
        <v>495</v>
      </c>
      <c r="B498" s="3" t="s">
        <v>1331</v>
      </c>
      <c r="C498" s="13" t="s">
        <v>880</v>
      </c>
      <c r="D498" s="1" t="s">
        <v>56</v>
      </c>
      <c r="E498" s="1" t="s">
        <v>1316</v>
      </c>
      <c r="F498" s="1" t="s">
        <v>621</v>
      </c>
      <c r="G498" s="2">
        <v>435</v>
      </c>
      <c r="H498" s="4">
        <v>754.16</v>
      </c>
      <c r="I498" s="2" t="s">
        <v>45</v>
      </c>
      <c r="J498" s="14">
        <v>44372</v>
      </c>
      <c r="K498" s="14">
        <v>45467</v>
      </c>
      <c r="L498" s="15"/>
    </row>
    <row r="499" spans="1:12" x14ac:dyDescent="0.3">
      <c r="A499" s="2">
        <v>496</v>
      </c>
      <c r="B499" s="3" t="s">
        <v>1332</v>
      </c>
      <c r="C499" s="13" t="s">
        <v>880</v>
      </c>
      <c r="D499" s="1" t="s">
        <v>56</v>
      </c>
      <c r="E499" s="1" t="s">
        <v>1318</v>
      </c>
      <c r="F499" s="1" t="s">
        <v>622</v>
      </c>
      <c r="G499" s="2">
        <v>440</v>
      </c>
      <c r="H499" s="4">
        <v>745.59</v>
      </c>
      <c r="I499" s="2" t="s">
        <v>45</v>
      </c>
      <c r="J499" s="14">
        <v>44372</v>
      </c>
      <c r="K499" s="14">
        <v>45467</v>
      </c>
      <c r="L499" s="15"/>
    </row>
    <row r="500" spans="1:12" x14ac:dyDescent="0.3">
      <c r="A500" s="2">
        <v>497</v>
      </c>
      <c r="B500" s="3" t="s">
        <v>1333</v>
      </c>
      <c r="C500" s="13" t="s">
        <v>880</v>
      </c>
      <c r="D500" s="1" t="s">
        <v>56</v>
      </c>
      <c r="E500" s="1" t="s">
        <v>1320</v>
      </c>
      <c r="F500" s="1" t="s">
        <v>623</v>
      </c>
      <c r="G500" s="2">
        <v>445</v>
      </c>
      <c r="H500" s="4">
        <v>737.22</v>
      </c>
      <c r="I500" s="2" t="s">
        <v>45</v>
      </c>
      <c r="J500" s="14">
        <v>44372</v>
      </c>
      <c r="K500" s="14">
        <v>45467</v>
      </c>
      <c r="L500" s="15"/>
    </row>
    <row r="501" spans="1:12" x14ac:dyDescent="0.3">
      <c r="A501" s="2">
        <v>498</v>
      </c>
      <c r="B501" s="3" t="s">
        <v>1334</v>
      </c>
      <c r="C501" s="13" t="s">
        <v>880</v>
      </c>
      <c r="D501" s="1" t="s">
        <v>56</v>
      </c>
      <c r="E501" s="1" t="s">
        <v>1322</v>
      </c>
      <c r="F501" s="1" t="s">
        <v>624</v>
      </c>
      <c r="G501" s="2">
        <v>450</v>
      </c>
      <c r="H501" s="4">
        <v>729.02</v>
      </c>
      <c r="I501" s="2" t="s">
        <v>45</v>
      </c>
      <c r="J501" s="14">
        <v>44372</v>
      </c>
      <c r="K501" s="14">
        <v>45467</v>
      </c>
      <c r="L501" s="15"/>
    </row>
    <row r="502" spans="1:12" x14ac:dyDescent="0.3">
      <c r="A502" s="2">
        <v>499</v>
      </c>
      <c r="B502" s="3" t="s">
        <v>1335</v>
      </c>
      <c r="C502" s="13" t="s">
        <v>880</v>
      </c>
      <c r="D502" s="1" t="s">
        <v>56</v>
      </c>
      <c r="E502" s="1" t="s">
        <v>1336</v>
      </c>
      <c r="F502" s="1" t="s">
        <v>625</v>
      </c>
      <c r="G502" s="2">
        <v>425</v>
      </c>
      <c r="H502" s="4">
        <v>807.13</v>
      </c>
      <c r="I502" s="2" t="s">
        <v>45</v>
      </c>
      <c r="J502" s="14">
        <v>44372</v>
      </c>
      <c r="K502" s="14">
        <v>45467</v>
      </c>
      <c r="L502" s="15"/>
    </row>
    <row r="503" spans="1:12" x14ac:dyDescent="0.3">
      <c r="A503" s="2">
        <v>500</v>
      </c>
      <c r="B503" s="3" t="s">
        <v>1337</v>
      </c>
      <c r="C503" s="13" t="s">
        <v>880</v>
      </c>
      <c r="D503" s="1" t="s">
        <v>56</v>
      </c>
      <c r="E503" s="1" t="s">
        <v>1338</v>
      </c>
      <c r="F503" s="1" t="s">
        <v>626</v>
      </c>
      <c r="G503" s="2">
        <v>430</v>
      </c>
      <c r="H503" s="4">
        <v>797.75</v>
      </c>
      <c r="I503" s="2" t="s">
        <v>45</v>
      </c>
      <c r="J503" s="14">
        <v>44372</v>
      </c>
      <c r="K503" s="14">
        <v>45467</v>
      </c>
      <c r="L503" s="15"/>
    </row>
    <row r="504" spans="1:12" x14ac:dyDescent="0.3">
      <c r="A504" s="2">
        <v>501</v>
      </c>
      <c r="B504" s="3" t="s">
        <v>1339</v>
      </c>
      <c r="C504" s="13" t="s">
        <v>880</v>
      </c>
      <c r="D504" s="1" t="s">
        <v>56</v>
      </c>
      <c r="E504" s="1" t="s">
        <v>1340</v>
      </c>
      <c r="F504" s="1" t="s">
        <v>627</v>
      </c>
      <c r="G504" s="2">
        <v>435</v>
      </c>
      <c r="H504" s="4">
        <v>788.58</v>
      </c>
      <c r="I504" s="2" t="s">
        <v>45</v>
      </c>
      <c r="J504" s="14">
        <v>44372</v>
      </c>
      <c r="K504" s="14">
        <v>45467</v>
      </c>
      <c r="L504" s="15"/>
    </row>
    <row r="505" spans="1:12" x14ac:dyDescent="0.3">
      <c r="A505" s="2">
        <v>502</v>
      </c>
      <c r="B505" s="3" t="s">
        <v>1341</v>
      </c>
      <c r="C505" s="13" t="s">
        <v>880</v>
      </c>
      <c r="D505" s="1" t="s">
        <v>56</v>
      </c>
      <c r="E505" s="1" t="s">
        <v>1342</v>
      </c>
      <c r="F505" s="1" t="s">
        <v>628</v>
      </c>
      <c r="G505" s="2">
        <v>440</v>
      </c>
      <c r="H505" s="4">
        <v>779.62</v>
      </c>
      <c r="I505" s="2" t="s">
        <v>45</v>
      </c>
      <c r="J505" s="14">
        <v>44372</v>
      </c>
      <c r="K505" s="14">
        <v>45467</v>
      </c>
      <c r="L505" s="15"/>
    </row>
    <row r="506" spans="1:12" x14ac:dyDescent="0.3">
      <c r="A506" s="2">
        <v>503</v>
      </c>
      <c r="B506" s="3" t="s">
        <v>1343</v>
      </c>
      <c r="C506" s="13" t="s">
        <v>880</v>
      </c>
      <c r="D506" s="1" t="s">
        <v>56</v>
      </c>
      <c r="E506" s="1" t="s">
        <v>1344</v>
      </c>
      <c r="F506" s="1" t="s">
        <v>629</v>
      </c>
      <c r="G506" s="2">
        <v>445</v>
      </c>
      <c r="H506" s="4">
        <v>770.86</v>
      </c>
      <c r="I506" s="2" t="s">
        <v>45</v>
      </c>
      <c r="J506" s="14">
        <v>44372</v>
      </c>
      <c r="K506" s="14">
        <v>45467</v>
      </c>
      <c r="L506" s="15"/>
    </row>
    <row r="507" spans="1:12" x14ac:dyDescent="0.3">
      <c r="A507" s="2">
        <v>504</v>
      </c>
      <c r="B507" s="3" t="s">
        <v>1345</v>
      </c>
      <c r="C507" s="13" t="s">
        <v>880</v>
      </c>
      <c r="D507" s="1" t="s">
        <v>56</v>
      </c>
      <c r="E507" s="1" t="s">
        <v>1346</v>
      </c>
      <c r="F507" s="1" t="s">
        <v>630</v>
      </c>
      <c r="G507" s="2">
        <v>450</v>
      </c>
      <c r="H507" s="4">
        <v>762.29</v>
      </c>
      <c r="I507" s="2" t="s">
        <v>45</v>
      </c>
      <c r="J507" s="14">
        <v>44372</v>
      </c>
      <c r="K507" s="14">
        <v>45467</v>
      </c>
      <c r="L507" s="15"/>
    </row>
    <row r="508" spans="1:12" x14ac:dyDescent="0.3">
      <c r="A508" s="2">
        <v>505</v>
      </c>
      <c r="B508" s="3" t="s">
        <v>1347</v>
      </c>
      <c r="C508" s="13" t="s">
        <v>62</v>
      </c>
      <c r="D508" s="1" t="s">
        <v>631</v>
      </c>
      <c r="E508" s="1" t="s">
        <v>109</v>
      </c>
      <c r="F508" s="1" t="str">
        <f>E508&amp;"_"&amp;FIXED(H508,2)&amp;"CO2"</f>
        <v>Q.PEAK DUO XL-G9.2 KR1 445_694.31CO2</v>
      </c>
      <c r="G508" s="2">
        <v>445</v>
      </c>
      <c r="H508" s="4">
        <v>694.31</v>
      </c>
      <c r="I508" s="2" t="s">
        <v>45</v>
      </c>
      <c r="J508" s="14">
        <v>44421</v>
      </c>
      <c r="K508" s="14">
        <v>45516</v>
      </c>
      <c r="L508" s="15"/>
    </row>
    <row r="509" spans="1:12" x14ac:dyDescent="0.3">
      <c r="A509" s="2">
        <v>506</v>
      </c>
      <c r="B509" s="3" t="s">
        <v>1348</v>
      </c>
      <c r="C509" s="13" t="s">
        <v>62</v>
      </c>
      <c r="D509" s="1" t="s">
        <v>631</v>
      </c>
      <c r="E509" s="1" t="s">
        <v>110</v>
      </c>
      <c r="F509" s="1" t="str">
        <f t="shared" ref="F509:F539" si="5">E509&amp;"_"&amp;FIXED(H509,2)&amp;"CO2"</f>
        <v>Q.PEAK DUO XL-G9.2 KR1 450_686.59CO2</v>
      </c>
      <c r="G509" s="2">
        <v>450</v>
      </c>
      <c r="H509" s="4">
        <v>686.59</v>
      </c>
      <c r="I509" s="2" t="s">
        <v>45</v>
      </c>
      <c r="J509" s="14">
        <v>44421</v>
      </c>
      <c r="K509" s="14">
        <v>45516</v>
      </c>
      <c r="L509" s="15"/>
    </row>
    <row r="510" spans="1:12" x14ac:dyDescent="0.3">
      <c r="A510" s="2">
        <v>507</v>
      </c>
      <c r="B510" s="3" t="s">
        <v>1349</v>
      </c>
      <c r="C510" s="13" t="s">
        <v>62</v>
      </c>
      <c r="D510" s="1" t="s">
        <v>631</v>
      </c>
      <c r="E510" s="1" t="s">
        <v>111</v>
      </c>
      <c r="F510" s="1" t="str">
        <f t="shared" si="5"/>
        <v>Q.PEAK DUO XL-G9.2 KR1 455_679.05CO2</v>
      </c>
      <c r="G510" s="2">
        <v>455</v>
      </c>
      <c r="H510" s="4">
        <v>679.05</v>
      </c>
      <c r="I510" s="2" t="s">
        <v>45</v>
      </c>
      <c r="J510" s="14">
        <v>44421</v>
      </c>
      <c r="K510" s="14">
        <v>45516</v>
      </c>
      <c r="L510" s="15"/>
    </row>
    <row r="511" spans="1:12" x14ac:dyDescent="0.3">
      <c r="A511" s="2">
        <v>508</v>
      </c>
      <c r="B511" s="3" t="s">
        <v>1350</v>
      </c>
      <c r="C511" s="13" t="s">
        <v>62</v>
      </c>
      <c r="D511" s="1" t="s">
        <v>631</v>
      </c>
      <c r="E511" s="1" t="s">
        <v>1270</v>
      </c>
      <c r="F511" s="1" t="str">
        <f t="shared" si="5"/>
        <v>Q.PEAK DUO XL-G9.3 KR1 465_646.89CO2</v>
      </c>
      <c r="G511" s="2">
        <v>465</v>
      </c>
      <c r="H511" s="4">
        <v>646.89</v>
      </c>
      <c r="I511" s="2" t="s">
        <v>45</v>
      </c>
      <c r="J511" s="14">
        <v>44421</v>
      </c>
      <c r="K511" s="14">
        <v>45516</v>
      </c>
      <c r="L511" s="15"/>
    </row>
    <row r="512" spans="1:12" x14ac:dyDescent="0.3">
      <c r="A512" s="2">
        <v>509</v>
      </c>
      <c r="B512" s="3" t="s">
        <v>1351</v>
      </c>
      <c r="C512" s="13" t="s">
        <v>62</v>
      </c>
      <c r="D512" s="1" t="s">
        <v>631</v>
      </c>
      <c r="E512" s="1" t="s">
        <v>1097</v>
      </c>
      <c r="F512" s="1" t="str">
        <f t="shared" si="5"/>
        <v>Q.PEAK DUO XL-G9.3/BFG 445_671.46CO2</v>
      </c>
      <c r="G512" s="2">
        <v>445</v>
      </c>
      <c r="H512" s="4">
        <v>671.46</v>
      </c>
      <c r="I512" s="2" t="s">
        <v>45</v>
      </c>
      <c r="J512" s="14">
        <v>44421</v>
      </c>
      <c r="K512" s="14">
        <v>45516</v>
      </c>
      <c r="L512" s="15"/>
    </row>
    <row r="513" spans="1:12" x14ac:dyDescent="0.3">
      <c r="A513" s="2">
        <v>510</v>
      </c>
      <c r="B513" s="3" t="s">
        <v>1352</v>
      </c>
      <c r="C513" s="13" t="s">
        <v>62</v>
      </c>
      <c r="D513" s="1" t="s">
        <v>631</v>
      </c>
      <c r="E513" s="1" t="s">
        <v>632</v>
      </c>
      <c r="F513" s="1" t="str">
        <f t="shared" si="5"/>
        <v>Q.PEAK DUO XL-G9.3/BFG 450_664.00CO2</v>
      </c>
      <c r="G513" s="2">
        <v>450</v>
      </c>
      <c r="H513" s="4">
        <v>664</v>
      </c>
      <c r="I513" s="2" t="s">
        <v>45</v>
      </c>
      <c r="J513" s="14">
        <v>44421</v>
      </c>
      <c r="K513" s="14">
        <v>45516</v>
      </c>
      <c r="L513" s="15"/>
    </row>
    <row r="514" spans="1:12" x14ac:dyDescent="0.3">
      <c r="A514" s="2">
        <v>511</v>
      </c>
      <c r="B514" s="3" t="s">
        <v>1353</v>
      </c>
      <c r="C514" s="13" t="s">
        <v>62</v>
      </c>
      <c r="D514" s="1" t="s">
        <v>631</v>
      </c>
      <c r="E514" s="1" t="s">
        <v>1100</v>
      </c>
      <c r="F514" s="1" t="str">
        <f t="shared" si="5"/>
        <v>Q.PEAK DUO XL-G9.3/BFG 455_656.70CO2</v>
      </c>
      <c r="G514" s="2">
        <v>455</v>
      </c>
      <c r="H514" s="4">
        <v>656.7</v>
      </c>
      <c r="I514" s="2" t="s">
        <v>45</v>
      </c>
      <c r="J514" s="14">
        <v>44421</v>
      </c>
      <c r="K514" s="14">
        <v>45516</v>
      </c>
      <c r="L514" s="15"/>
    </row>
    <row r="515" spans="1:12" x14ac:dyDescent="0.3">
      <c r="A515" s="2">
        <v>512</v>
      </c>
      <c r="B515" s="3" t="s">
        <v>1354</v>
      </c>
      <c r="C515" s="13" t="s">
        <v>62</v>
      </c>
      <c r="D515" s="1" t="s">
        <v>631</v>
      </c>
      <c r="E515" s="1" t="s">
        <v>1273</v>
      </c>
      <c r="F515" s="1" t="str">
        <f t="shared" si="5"/>
        <v>Q.PEAK DUO XL-G9.3/BFG 460_649.56CO2</v>
      </c>
      <c r="G515" s="2">
        <v>460</v>
      </c>
      <c r="H515" s="4">
        <v>649.55999999999995</v>
      </c>
      <c r="I515" s="2" t="s">
        <v>45</v>
      </c>
      <c r="J515" s="14">
        <v>44421</v>
      </c>
      <c r="K515" s="14">
        <v>45516</v>
      </c>
      <c r="L515" s="15"/>
    </row>
    <row r="516" spans="1:12" x14ac:dyDescent="0.3">
      <c r="A516" s="2">
        <v>513</v>
      </c>
      <c r="B516" s="3" t="s">
        <v>1355</v>
      </c>
      <c r="C516" s="13" t="s">
        <v>62</v>
      </c>
      <c r="D516" s="1" t="s">
        <v>631</v>
      </c>
      <c r="E516" s="1" t="s">
        <v>633</v>
      </c>
      <c r="F516" s="1" t="str">
        <f t="shared" si="5"/>
        <v>Q.PEAK DUO XL-G10.3 KR1 470_665.46CO2</v>
      </c>
      <c r="G516" s="2">
        <v>470</v>
      </c>
      <c r="H516" s="4">
        <v>665.46</v>
      </c>
      <c r="I516" s="2" t="s">
        <v>45</v>
      </c>
      <c r="J516" s="14">
        <v>44421</v>
      </c>
      <c r="K516" s="14">
        <v>45516</v>
      </c>
      <c r="L516" s="15"/>
    </row>
    <row r="517" spans="1:12" x14ac:dyDescent="0.3">
      <c r="A517" s="2">
        <v>514</v>
      </c>
      <c r="B517" s="3" t="s">
        <v>1356</v>
      </c>
      <c r="C517" s="13" t="s">
        <v>62</v>
      </c>
      <c r="D517" s="1" t="s">
        <v>631</v>
      </c>
      <c r="E517" s="1" t="s">
        <v>1106</v>
      </c>
      <c r="F517" s="1" t="str">
        <f t="shared" si="5"/>
        <v>Q.PEAK DUO XL-G10.3 KR1 475_658.45CO2</v>
      </c>
      <c r="G517" s="2">
        <v>475</v>
      </c>
      <c r="H517" s="4">
        <v>658.45</v>
      </c>
      <c r="I517" s="2" t="s">
        <v>45</v>
      </c>
      <c r="J517" s="14">
        <v>44421</v>
      </c>
      <c r="K517" s="14">
        <v>45516</v>
      </c>
      <c r="L517" s="15"/>
    </row>
    <row r="518" spans="1:12" x14ac:dyDescent="0.3">
      <c r="A518" s="2">
        <v>515</v>
      </c>
      <c r="B518" s="3" t="s">
        <v>1357</v>
      </c>
      <c r="C518" s="13" t="s">
        <v>62</v>
      </c>
      <c r="D518" s="1" t="s">
        <v>631</v>
      </c>
      <c r="E518" s="1" t="s">
        <v>1108</v>
      </c>
      <c r="F518" s="1" t="str">
        <f t="shared" si="5"/>
        <v>Q.PEAK DUO XL-G10.3 KR1 480_651.59CO2</v>
      </c>
      <c r="G518" s="2">
        <v>480</v>
      </c>
      <c r="H518" s="4">
        <v>651.59</v>
      </c>
      <c r="I518" s="2" t="s">
        <v>45</v>
      </c>
      <c r="J518" s="14">
        <v>44421</v>
      </c>
      <c r="K518" s="14">
        <v>45516</v>
      </c>
      <c r="L518" s="15"/>
    </row>
    <row r="519" spans="1:12" x14ac:dyDescent="0.3">
      <c r="A519" s="2">
        <v>516</v>
      </c>
      <c r="B519" s="3" t="s">
        <v>1358</v>
      </c>
      <c r="C519" s="13" t="s">
        <v>62</v>
      </c>
      <c r="D519" s="1" t="s">
        <v>631</v>
      </c>
      <c r="E519" s="1" t="s">
        <v>634</v>
      </c>
      <c r="F519" s="1" t="str">
        <f t="shared" si="5"/>
        <v>Q.PEAK DUO XL-G10.3 KR1 485_644.88CO2</v>
      </c>
      <c r="G519" s="2">
        <v>485</v>
      </c>
      <c r="H519" s="4">
        <v>644.88</v>
      </c>
      <c r="I519" s="2" t="s">
        <v>45</v>
      </c>
      <c r="J519" s="14">
        <v>44421</v>
      </c>
      <c r="K519" s="14">
        <v>45516</v>
      </c>
      <c r="L519" s="15"/>
    </row>
    <row r="520" spans="1:12" x14ac:dyDescent="0.3">
      <c r="A520" s="2">
        <v>517</v>
      </c>
      <c r="B520" s="3" t="s">
        <v>1359</v>
      </c>
      <c r="C520" s="13" t="s">
        <v>62</v>
      </c>
      <c r="D520" s="1" t="s">
        <v>631</v>
      </c>
      <c r="E520" s="1" t="s">
        <v>635</v>
      </c>
      <c r="F520" s="1" t="str">
        <f t="shared" si="5"/>
        <v>Q.PEAK DUO XL-G10.3/BFG KR1 465_671.82CO2</v>
      </c>
      <c r="G520" s="2">
        <v>465</v>
      </c>
      <c r="H520" s="4">
        <v>671.82</v>
      </c>
      <c r="I520" s="2" t="s">
        <v>45</v>
      </c>
      <c r="J520" s="14">
        <v>44421</v>
      </c>
      <c r="K520" s="14">
        <v>45516</v>
      </c>
      <c r="L520" s="15"/>
    </row>
    <row r="521" spans="1:12" x14ac:dyDescent="0.3">
      <c r="A521" s="2">
        <v>518</v>
      </c>
      <c r="B521" s="3" t="s">
        <v>1360</v>
      </c>
      <c r="C521" s="13" t="s">
        <v>62</v>
      </c>
      <c r="D521" s="1" t="s">
        <v>631</v>
      </c>
      <c r="E521" s="1" t="s">
        <v>636</v>
      </c>
      <c r="F521" s="1" t="str">
        <f t="shared" si="5"/>
        <v>Q.PEAK DUO XL-G10.3/BFG KR1 470_664.68CO2</v>
      </c>
      <c r="G521" s="2">
        <v>470</v>
      </c>
      <c r="H521" s="4">
        <v>664.68</v>
      </c>
      <c r="I521" s="2" t="s">
        <v>45</v>
      </c>
      <c r="J521" s="14">
        <v>44421</v>
      </c>
      <c r="K521" s="14">
        <v>45516</v>
      </c>
      <c r="L521" s="15"/>
    </row>
    <row r="522" spans="1:12" x14ac:dyDescent="0.3">
      <c r="A522" s="2">
        <v>519</v>
      </c>
      <c r="B522" s="3" t="s">
        <v>1361</v>
      </c>
      <c r="C522" s="13" t="s">
        <v>62</v>
      </c>
      <c r="D522" s="1" t="s">
        <v>631</v>
      </c>
      <c r="E522" s="1" t="s">
        <v>637</v>
      </c>
      <c r="F522" s="1" t="str">
        <f t="shared" si="5"/>
        <v>Q.PEAK DUO XL-G10.3/BFG KR1 475_657.68CO2</v>
      </c>
      <c r="G522" s="2">
        <v>475</v>
      </c>
      <c r="H522" s="4">
        <v>657.68</v>
      </c>
      <c r="I522" s="2" t="s">
        <v>45</v>
      </c>
      <c r="J522" s="14">
        <v>44421</v>
      </c>
      <c r="K522" s="14">
        <v>45516</v>
      </c>
      <c r="L522" s="15"/>
    </row>
    <row r="523" spans="1:12" x14ac:dyDescent="0.3">
      <c r="A523" s="2">
        <v>520</v>
      </c>
      <c r="B523" s="3" t="s">
        <v>1362</v>
      </c>
      <c r="C523" s="13" t="s">
        <v>62</v>
      </c>
      <c r="D523" s="1" t="s">
        <v>631</v>
      </c>
      <c r="E523" s="1" t="s">
        <v>638</v>
      </c>
      <c r="F523" s="1" t="str">
        <f t="shared" si="5"/>
        <v>Q.PEAK DUO XL-G10.3/BFG KR1 480_633.14CO2</v>
      </c>
      <c r="G523" s="2">
        <v>480</v>
      </c>
      <c r="H523" s="4">
        <v>633.14</v>
      </c>
      <c r="I523" s="2" t="s">
        <v>45</v>
      </c>
      <c r="J523" s="14">
        <v>44421</v>
      </c>
      <c r="K523" s="14">
        <v>45516</v>
      </c>
      <c r="L523" s="15"/>
    </row>
    <row r="524" spans="1:12" x14ac:dyDescent="0.3">
      <c r="A524" s="2">
        <v>521</v>
      </c>
      <c r="B524" s="3" t="s">
        <v>1363</v>
      </c>
      <c r="C524" s="13" t="s">
        <v>62</v>
      </c>
      <c r="D524" s="1" t="s">
        <v>631</v>
      </c>
      <c r="E524" s="1" t="s">
        <v>638</v>
      </c>
      <c r="F524" s="1" t="str">
        <f t="shared" si="5"/>
        <v>Q.PEAK DUO XL-G10.3/BFG KR1 480_650.83CO2</v>
      </c>
      <c r="G524" s="2">
        <v>480</v>
      </c>
      <c r="H524" s="4">
        <v>650.83000000000004</v>
      </c>
      <c r="I524" s="2" t="s">
        <v>45</v>
      </c>
      <c r="J524" s="14">
        <v>44421</v>
      </c>
      <c r="K524" s="14">
        <v>45516</v>
      </c>
      <c r="L524" s="15"/>
    </row>
    <row r="525" spans="1:12" x14ac:dyDescent="0.3">
      <c r="A525" s="2">
        <v>522</v>
      </c>
      <c r="B525" s="3" t="s">
        <v>1364</v>
      </c>
      <c r="C525" s="13" t="s">
        <v>62</v>
      </c>
      <c r="D525" s="1" t="s">
        <v>631</v>
      </c>
      <c r="E525" s="1" t="s">
        <v>638</v>
      </c>
      <c r="F525" s="1" t="str">
        <f t="shared" si="5"/>
        <v>Q.PEAK DUO XL-G10.3/BFG KR1 480_718.35CO2</v>
      </c>
      <c r="G525" s="2">
        <v>480</v>
      </c>
      <c r="H525" s="4">
        <v>718.35</v>
      </c>
      <c r="I525" s="2" t="s">
        <v>45</v>
      </c>
      <c r="J525" s="14">
        <v>44421</v>
      </c>
      <c r="K525" s="14">
        <v>45516</v>
      </c>
      <c r="L525" s="15"/>
    </row>
    <row r="526" spans="1:12" x14ac:dyDescent="0.3">
      <c r="A526" s="2">
        <v>523</v>
      </c>
      <c r="B526" s="3" t="s">
        <v>1365</v>
      </c>
      <c r="C526" s="13" t="s">
        <v>62</v>
      </c>
      <c r="D526" s="1" t="s">
        <v>54</v>
      </c>
      <c r="E526" s="1" t="s">
        <v>639</v>
      </c>
      <c r="F526" s="1" t="str">
        <f t="shared" si="5"/>
        <v>Q.PEAK DUO L-G6 KR2 435_633.11CO2</v>
      </c>
      <c r="G526" s="2">
        <v>435</v>
      </c>
      <c r="H526" s="4">
        <v>633.11</v>
      </c>
      <c r="I526" s="2" t="s">
        <v>45</v>
      </c>
      <c r="J526" s="14">
        <v>44421</v>
      </c>
      <c r="K526" s="14">
        <v>45516</v>
      </c>
      <c r="L526" s="15"/>
    </row>
    <row r="527" spans="1:12" x14ac:dyDescent="0.3">
      <c r="A527" s="2">
        <v>524</v>
      </c>
      <c r="B527" s="3" t="s">
        <v>1366</v>
      </c>
      <c r="C527" s="13" t="s">
        <v>62</v>
      </c>
      <c r="D527" s="1" t="s">
        <v>54</v>
      </c>
      <c r="E527" s="1" t="s">
        <v>106</v>
      </c>
      <c r="F527" s="1" t="str">
        <f t="shared" si="5"/>
        <v>Q.PEAK DUO L-G6.2 KR1 410_693.96CO2</v>
      </c>
      <c r="G527" s="2">
        <v>410</v>
      </c>
      <c r="H527" s="4">
        <v>693.96</v>
      </c>
      <c r="I527" s="2" t="s">
        <v>45</v>
      </c>
      <c r="J527" s="14">
        <v>44421</v>
      </c>
      <c r="K527" s="14">
        <v>45516</v>
      </c>
      <c r="L527" s="15"/>
    </row>
    <row r="528" spans="1:12" x14ac:dyDescent="0.3">
      <c r="A528" s="2">
        <v>525</v>
      </c>
      <c r="B528" s="3" t="s">
        <v>1367</v>
      </c>
      <c r="C528" s="13" t="s">
        <v>62</v>
      </c>
      <c r="D528" s="1" t="s">
        <v>54</v>
      </c>
      <c r="E528" s="1" t="s">
        <v>107</v>
      </c>
      <c r="F528" s="1" t="str">
        <f t="shared" si="5"/>
        <v>Q.PEAK DUO L-G6.2 KR1 415_685.60CO2</v>
      </c>
      <c r="G528" s="2">
        <v>415</v>
      </c>
      <c r="H528" s="4">
        <v>685.6</v>
      </c>
      <c r="I528" s="2" t="s">
        <v>45</v>
      </c>
      <c r="J528" s="14">
        <v>44421</v>
      </c>
      <c r="K528" s="14">
        <v>45516</v>
      </c>
      <c r="L528" s="15"/>
    </row>
    <row r="529" spans="1:12" x14ac:dyDescent="0.3">
      <c r="A529" s="2">
        <v>526</v>
      </c>
      <c r="B529" s="3" t="s">
        <v>1368</v>
      </c>
      <c r="C529" s="13" t="s">
        <v>62</v>
      </c>
      <c r="D529" s="1" t="s">
        <v>54</v>
      </c>
      <c r="E529" s="1" t="s">
        <v>108</v>
      </c>
      <c r="F529" s="1" t="str">
        <f t="shared" si="5"/>
        <v>Q.PEAK DUO L-G6.2 KR1 420_677.44CO2</v>
      </c>
      <c r="G529" s="2">
        <v>420</v>
      </c>
      <c r="H529" s="4">
        <v>677.44</v>
      </c>
      <c r="I529" s="2" t="s">
        <v>45</v>
      </c>
      <c r="J529" s="14">
        <v>44421</v>
      </c>
      <c r="K529" s="14">
        <v>45516</v>
      </c>
      <c r="L529" s="15"/>
    </row>
    <row r="530" spans="1:12" x14ac:dyDescent="0.3">
      <c r="A530" s="2">
        <v>527</v>
      </c>
      <c r="B530" s="3" t="s">
        <v>1369</v>
      </c>
      <c r="C530" s="13" t="s">
        <v>62</v>
      </c>
      <c r="D530" s="1" t="s">
        <v>54</v>
      </c>
      <c r="E530" s="1" t="s">
        <v>640</v>
      </c>
      <c r="F530" s="1" t="str">
        <f t="shared" si="5"/>
        <v>Q.PEAK DUO XL-G10.d/BFG KR1 465_652.22CO2</v>
      </c>
      <c r="G530" s="2">
        <v>465</v>
      </c>
      <c r="H530" s="4">
        <v>652.22</v>
      </c>
      <c r="I530" s="2" t="s">
        <v>45</v>
      </c>
      <c r="J530" s="14">
        <v>44421</v>
      </c>
      <c r="K530" s="14">
        <v>45516</v>
      </c>
      <c r="L530" s="15"/>
    </row>
    <row r="531" spans="1:12" x14ac:dyDescent="0.3">
      <c r="A531" s="2">
        <v>528</v>
      </c>
      <c r="B531" s="3" t="s">
        <v>1370</v>
      </c>
      <c r="C531" s="13" t="s">
        <v>62</v>
      </c>
      <c r="D531" s="1" t="s">
        <v>54</v>
      </c>
      <c r="E531" s="1" t="s">
        <v>641</v>
      </c>
      <c r="F531" s="1" t="str">
        <f t="shared" si="5"/>
        <v>Q.PEAK DUO XL-G10.d/BFG KR1 470_645.28CO2</v>
      </c>
      <c r="G531" s="2">
        <v>470</v>
      </c>
      <c r="H531" s="4">
        <v>645.28</v>
      </c>
      <c r="I531" s="2" t="s">
        <v>45</v>
      </c>
      <c r="J531" s="14">
        <v>44421</v>
      </c>
      <c r="K531" s="14">
        <v>45516</v>
      </c>
      <c r="L531" s="15"/>
    </row>
    <row r="532" spans="1:12" x14ac:dyDescent="0.3">
      <c r="A532" s="2">
        <v>529</v>
      </c>
      <c r="B532" s="3" t="s">
        <v>1371</v>
      </c>
      <c r="C532" s="13" t="s">
        <v>62</v>
      </c>
      <c r="D532" s="1" t="s">
        <v>54</v>
      </c>
      <c r="E532" s="1" t="s">
        <v>642</v>
      </c>
      <c r="F532" s="1" t="str">
        <f t="shared" si="5"/>
        <v>Q.PEAK DUO XL-G10.d/BFG KR1 475_638.49CO2</v>
      </c>
      <c r="G532" s="2">
        <v>475</v>
      </c>
      <c r="H532" s="4">
        <v>638.49</v>
      </c>
      <c r="I532" s="2" t="s">
        <v>45</v>
      </c>
      <c r="J532" s="14">
        <v>44421</v>
      </c>
      <c r="K532" s="14">
        <v>45516</v>
      </c>
      <c r="L532" s="15"/>
    </row>
    <row r="533" spans="1:12" x14ac:dyDescent="0.3">
      <c r="A533" s="2">
        <v>530</v>
      </c>
      <c r="B533" s="3" t="s">
        <v>1372</v>
      </c>
      <c r="C533" s="13" t="s">
        <v>62</v>
      </c>
      <c r="D533" s="1" t="s">
        <v>54</v>
      </c>
      <c r="E533" s="1" t="s">
        <v>640</v>
      </c>
      <c r="F533" s="1" t="str">
        <f t="shared" si="5"/>
        <v>Q.PEAK DUO XL-G10.d/BFG KR1 465_670.47CO2</v>
      </c>
      <c r="G533" s="2">
        <v>465</v>
      </c>
      <c r="H533" s="4">
        <v>670.47</v>
      </c>
      <c r="I533" s="2" t="s">
        <v>45</v>
      </c>
      <c r="J533" s="14">
        <v>44421</v>
      </c>
      <c r="K533" s="14">
        <v>45516</v>
      </c>
      <c r="L533" s="15"/>
    </row>
    <row r="534" spans="1:12" x14ac:dyDescent="0.3">
      <c r="A534" s="2">
        <v>531</v>
      </c>
      <c r="B534" s="3" t="s">
        <v>1373</v>
      </c>
      <c r="C534" s="13" t="s">
        <v>62</v>
      </c>
      <c r="D534" s="1" t="s">
        <v>54</v>
      </c>
      <c r="E534" s="1" t="s">
        <v>641</v>
      </c>
      <c r="F534" s="1" t="str">
        <f t="shared" si="5"/>
        <v>Q.PEAK DUO XL-G10.d/BFG KR1 470_663.34CO2</v>
      </c>
      <c r="G534" s="2">
        <v>470</v>
      </c>
      <c r="H534" s="4">
        <v>663.34</v>
      </c>
      <c r="I534" s="2" t="s">
        <v>45</v>
      </c>
      <c r="J534" s="14">
        <v>44421</v>
      </c>
      <c r="K534" s="14">
        <v>45516</v>
      </c>
      <c r="L534" s="15"/>
    </row>
    <row r="535" spans="1:12" x14ac:dyDescent="0.3">
      <c r="A535" s="2">
        <v>532</v>
      </c>
      <c r="B535" s="3" t="s">
        <v>1374</v>
      </c>
      <c r="C535" s="13" t="s">
        <v>62</v>
      </c>
      <c r="D535" s="1" t="s">
        <v>54</v>
      </c>
      <c r="E535" s="1" t="s">
        <v>642</v>
      </c>
      <c r="F535" s="1" t="str">
        <f t="shared" si="5"/>
        <v>Q.PEAK DUO XL-G10.d/BFG KR1 475_656.36CO2</v>
      </c>
      <c r="G535" s="2">
        <v>475</v>
      </c>
      <c r="H535" s="4">
        <v>656.36</v>
      </c>
      <c r="I535" s="2" t="s">
        <v>45</v>
      </c>
      <c r="J535" s="14">
        <v>44421</v>
      </c>
      <c r="K535" s="14">
        <v>45516</v>
      </c>
      <c r="L535" s="15"/>
    </row>
    <row r="536" spans="1:12" x14ac:dyDescent="0.3">
      <c r="A536" s="2">
        <v>533</v>
      </c>
      <c r="B536" s="3" t="s">
        <v>1375</v>
      </c>
      <c r="C536" s="13" t="s">
        <v>62</v>
      </c>
      <c r="D536" s="1" t="s">
        <v>54</v>
      </c>
      <c r="E536" s="1" t="s">
        <v>640</v>
      </c>
      <c r="F536" s="1" t="str">
        <f t="shared" si="5"/>
        <v>Q.PEAK DUO XL-G10.d/BFG KR1 465_740.17CO2</v>
      </c>
      <c r="G536" s="2">
        <v>465</v>
      </c>
      <c r="H536" s="4">
        <v>740.17</v>
      </c>
      <c r="I536" s="2" t="s">
        <v>45</v>
      </c>
      <c r="J536" s="14">
        <v>44421</v>
      </c>
      <c r="K536" s="14">
        <v>45516</v>
      </c>
      <c r="L536" s="15"/>
    </row>
    <row r="537" spans="1:12" x14ac:dyDescent="0.3">
      <c r="A537" s="2">
        <v>534</v>
      </c>
      <c r="B537" s="3" t="s">
        <v>1376</v>
      </c>
      <c r="C537" s="13" t="s">
        <v>62</v>
      </c>
      <c r="D537" s="1" t="s">
        <v>54</v>
      </c>
      <c r="E537" s="1" t="s">
        <v>641</v>
      </c>
      <c r="F537" s="1" t="str">
        <f t="shared" si="5"/>
        <v>Q.PEAK DUO XL-G10.d/BFG KR1 470_732.30CO2</v>
      </c>
      <c r="G537" s="2">
        <v>470</v>
      </c>
      <c r="H537" s="4">
        <v>732.3</v>
      </c>
      <c r="I537" s="2" t="s">
        <v>45</v>
      </c>
      <c r="J537" s="14">
        <v>44421</v>
      </c>
      <c r="K537" s="14">
        <v>45516</v>
      </c>
      <c r="L537" s="15"/>
    </row>
    <row r="538" spans="1:12" x14ac:dyDescent="0.3">
      <c r="A538" s="2">
        <v>535</v>
      </c>
      <c r="B538" s="3" t="s">
        <v>1377</v>
      </c>
      <c r="C538" s="13" t="s">
        <v>62</v>
      </c>
      <c r="D538" s="1" t="s">
        <v>54</v>
      </c>
      <c r="E538" s="1" t="s">
        <v>642</v>
      </c>
      <c r="F538" s="1" t="str">
        <f t="shared" si="5"/>
        <v>Q.PEAK DUO XL-G10.d/BFG KR1 475_724.59CO2</v>
      </c>
      <c r="G538" s="2">
        <v>475</v>
      </c>
      <c r="H538" s="4">
        <v>724.59</v>
      </c>
      <c r="I538" s="2" t="s">
        <v>45</v>
      </c>
      <c r="J538" s="14">
        <v>44421</v>
      </c>
      <c r="K538" s="14">
        <v>45516</v>
      </c>
      <c r="L538" s="15"/>
    </row>
    <row r="539" spans="1:12" x14ac:dyDescent="0.3">
      <c r="A539" s="2">
        <v>536</v>
      </c>
      <c r="B539" s="3" t="s">
        <v>1378</v>
      </c>
      <c r="C539" s="13" t="s">
        <v>864</v>
      </c>
      <c r="D539" s="1" t="s">
        <v>132</v>
      </c>
      <c r="E539" s="1" t="s">
        <v>124</v>
      </c>
      <c r="F539" s="1" t="str">
        <f t="shared" si="5"/>
        <v>LG450S2W-U6.DK5_656.06CO2</v>
      </c>
      <c r="G539" s="2">
        <v>450</v>
      </c>
      <c r="H539" s="4">
        <v>656.06</v>
      </c>
      <c r="I539" s="2" t="s">
        <v>45</v>
      </c>
      <c r="J539" s="14">
        <v>44421</v>
      </c>
      <c r="K539" s="14">
        <v>45516</v>
      </c>
      <c r="L539" s="15"/>
    </row>
    <row r="540" spans="1:12" x14ac:dyDescent="0.3">
      <c r="A540" s="16"/>
      <c r="B540" s="16"/>
      <c r="C540" s="17"/>
      <c r="D540" s="17"/>
      <c r="E540" s="18"/>
      <c r="F540" s="17"/>
      <c r="G540" s="18"/>
      <c r="H540" s="19"/>
      <c r="I540" s="16"/>
      <c r="J540" s="20"/>
      <c r="K540" s="21"/>
      <c r="L540" s="9"/>
    </row>
    <row r="541" spans="1:12" x14ac:dyDescent="0.3">
      <c r="A541" s="16"/>
      <c r="B541" s="16"/>
      <c r="C541" s="17"/>
      <c r="D541" s="17"/>
      <c r="E541" s="18"/>
      <c r="F541" s="17"/>
      <c r="G541" s="18"/>
      <c r="H541" s="19"/>
      <c r="I541" s="16"/>
      <c r="J541" s="20"/>
      <c r="K541" s="21"/>
      <c r="L541" s="9"/>
    </row>
    <row r="542" spans="1:12" x14ac:dyDescent="0.3">
      <c r="A542" s="16"/>
      <c r="B542" s="16"/>
      <c r="C542" s="17"/>
      <c r="D542" s="17"/>
      <c r="E542" s="18"/>
      <c r="F542" s="17"/>
      <c r="G542" s="18"/>
      <c r="H542" s="19"/>
      <c r="I542" s="16"/>
      <c r="J542" s="20"/>
      <c r="K542" s="21"/>
      <c r="L542" s="9"/>
    </row>
    <row r="543" spans="1:12" x14ac:dyDescent="0.3">
      <c r="A543" s="16"/>
      <c r="B543" s="16"/>
      <c r="C543" s="17"/>
      <c r="D543" s="17"/>
      <c r="E543" s="18"/>
      <c r="F543" s="17"/>
      <c r="G543" s="18"/>
      <c r="H543" s="19"/>
      <c r="I543" s="16"/>
      <c r="J543" s="20"/>
      <c r="K543" s="21"/>
      <c r="L543" s="9"/>
    </row>
    <row r="544" spans="1:12" x14ac:dyDescent="0.3">
      <c r="A544" s="16"/>
      <c r="B544" s="16"/>
      <c r="C544" s="17"/>
      <c r="D544" s="17"/>
      <c r="E544" s="18"/>
      <c r="F544" s="17"/>
      <c r="G544" s="18"/>
      <c r="H544" s="19"/>
      <c r="I544" s="16"/>
      <c r="J544" s="20"/>
      <c r="K544" s="21"/>
      <c r="L544" s="9"/>
    </row>
    <row r="545" spans="1:12" x14ac:dyDescent="0.3">
      <c r="A545" s="16"/>
      <c r="B545" s="16"/>
      <c r="C545" s="17"/>
      <c r="D545" s="17"/>
      <c r="E545" s="18"/>
      <c r="F545" s="17"/>
      <c r="G545" s="18"/>
      <c r="H545" s="19"/>
      <c r="I545" s="16"/>
      <c r="J545" s="20"/>
      <c r="K545" s="21"/>
      <c r="L545" s="9"/>
    </row>
    <row r="546" spans="1:12" x14ac:dyDescent="0.3">
      <c r="A546" s="16"/>
      <c r="B546" s="16"/>
      <c r="C546" s="17"/>
      <c r="D546" s="17"/>
      <c r="E546" s="18"/>
      <c r="F546" s="17"/>
      <c r="G546" s="18"/>
      <c r="H546" s="19"/>
      <c r="I546" s="16"/>
      <c r="J546" s="20"/>
      <c r="K546" s="21"/>
      <c r="L546" s="9"/>
    </row>
    <row r="547" spans="1:12" x14ac:dyDescent="0.3">
      <c r="A547" s="16"/>
      <c r="B547" s="16"/>
      <c r="C547" s="17"/>
      <c r="D547" s="17"/>
      <c r="E547" s="18"/>
      <c r="F547" s="17"/>
      <c r="G547" s="18"/>
      <c r="H547" s="19"/>
      <c r="I547" s="16"/>
      <c r="J547" s="20"/>
      <c r="K547" s="21"/>
      <c r="L547" s="9"/>
    </row>
    <row r="548" spans="1:12" x14ac:dyDescent="0.3">
      <c r="A548" s="16"/>
      <c r="B548" s="16"/>
      <c r="C548" s="17"/>
      <c r="D548" s="17"/>
      <c r="E548" s="18"/>
      <c r="F548" s="17"/>
      <c r="G548" s="18"/>
      <c r="H548" s="19"/>
      <c r="I548" s="16"/>
      <c r="J548" s="20"/>
      <c r="K548" s="21"/>
      <c r="L548" s="9"/>
    </row>
    <row r="549" spans="1:12" x14ac:dyDescent="0.3">
      <c r="A549" s="16"/>
      <c r="B549" s="16"/>
      <c r="C549" s="17"/>
      <c r="D549" s="17"/>
      <c r="E549" s="18"/>
      <c r="F549" s="17"/>
      <c r="G549" s="18"/>
      <c r="H549" s="19"/>
      <c r="I549" s="16"/>
      <c r="J549" s="20"/>
      <c r="K549" s="21"/>
      <c r="L549" s="9"/>
    </row>
    <row r="550" spans="1:12" x14ac:dyDescent="0.3">
      <c r="A550" s="16"/>
      <c r="B550" s="16"/>
      <c r="C550" s="17"/>
      <c r="D550" s="17"/>
      <c r="E550" s="18"/>
      <c r="F550" s="17"/>
      <c r="G550" s="18"/>
      <c r="H550" s="19"/>
      <c r="I550" s="16"/>
      <c r="J550" s="20"/>
      <c r="K550" s="21"/>
      <c r="L550" s="9"/>
    </row>
    <row r="551" spans="1:12" x14ac:dyDescent="0.3">
      <c r="A551" s="16"/>
      <c r="B551" s="16"/>
      <c r="C551" s="17"/>
      <c r="D551" s="17"/>
      <c r="E551" s="18"/>
      <c r="F551" s="17"/>
      <c r="G551" s="18"/>
      <c r="H551" s="19"/>
      <c r="I551" s="16"/>
      <c r="J551" s="20"/>
      <c r="K551" s="21"/>
      <c r="L551" s="9"/>
    </row>
    <row r="552" spans="1:12" x14ac:dyDescent="0.3">
      <c r="A552" s="16"/>
      <c r="B552" s="16"/>
      <c r="C552" s="17"/>
      <c r="D552" s="17"/>
      <c r="E552" s="18"/>
      <c r="F552" s="17"/>
      <c r="G552" s="18"/>
      <c r="H552" s="19"/>
      <c r="I552" s="16"/>
      <c r="J552" s="20"/>
      <c r="K552" s="21"/>
      <c r="L552" s="9"/>
    </row>
  </sheetData>
  <mergeCells count="1">
    <mergeCell ref="A1:K1"/>
  </mergeCells>
  <phoneticPr fontId="1" type="noConversion"/>
  <pageMargins left="0.7" right="0.7" top="0.75" bottom="0.75" header="0.3" footer="0.3"/>
  <pageSetup paperSize="9" scale="79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워크시트</vt:lpstr>
      </vt:variant>
      <vt:variant>
        <vt:i4>1</vt:i4>
      </vt:variant>
    </vt:vector>
  </HeadingPairs>
  <TitlesOfParts>
    <vt:vector size="1" baseType="lpstr">
      <vt:lpstr>목록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정무선</dc:creator>
  <cp:lastModifiedBy>송지한</cp:lastModifiedBy>
  <cp:lastPrinted>2020-09-15T06:27:42Z</cp:lastPrinted>
  <dcterms:created xsi:type="dcterms:W3CDTF">2020-09-15T01:57:12Z</dcterms:created>
  <dcterms:modified xsi:type="dcterms:W3CDTF">2021-08-17T06:28:43Z</dcterms:modified>
</cp:coreProperties>
</file>